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theme/theme2.xml" ContentType="application/vnd.openxmlformats-officedocument.theme+xml"/>
  <Override PartName="/ppt/slideLayouts/slideLayout20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51" r:id="rId2"/>
    <p:sldMasterId id="2147483653" r:id="rId3"/>
  </p:sldMasterIdLst>
  <p:notesMasterIdLst>
    <p:notesMasterId r:id="rId16"/>
  </p:notesMasterIdLst>
  <p:sldIdLst>
    <p:sldId id="256" r:id="rId4"/>
    <p:sldId id="306" r:id="rId5"/>
    <p:sldId id="281" r:id="rId6"/>
    <p:sldId id="280" r:id="rId7"/>
    <p:sldId id="261" r:id="rId8"/>
    <p:sldId id="297" r:id="rId9"/>
    <p:sldId id="298" r:id="rId10"/>
    <p:sldId id="304" r:id="rId11"/>
    <p:sldId id="266" r:id="rId12"/>
    <p:sldId id="305" r:id="rId13"/>
    <p:sldId id="267" r:id="rId14"/>
    <p:sldId id="302" r:id="rId15"/>
  </p:sldIdLst>
  <p:sldSz cx="9144000" cy="5143500" type="screen16x9"/>
  <p:notesSz cx="6858000" cy="9144000"/>
  <p:custDataLst>
    <p:tags r:id="rId17"/>
  </p:custDataLst>
  <p:defaultTextStyle>
    <a:defPPr>
      <a:defRPr lang="ko-KR"/>
    </a:defPPr>
    <a:lvl1pPr marL="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1938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ED1C24"/>
    <a:srgbClr val="F2BF27"/>
    <a:srgbClr val="FFCE2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39" d="100"/>
          <a:sy n="139" d="100"/>
        </p:scale>
        <p:origin x="726" y="126"/>
      </p:cViewPr>
      <p:guideLst>
        <p:guide orient="horz" pos="1938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5.xml"/><Relationship Id="rId13" Type="http://schemas.openxmlformats.org/officeDocument/2006/relationships/slide" Target="slides/slide10.xml"/><Relationship Id="rId18" Type="http://schemas.openxmlformats.org/officeDocument/2006/relationships/presProps" Target="presProps.xml"/><Relationship Id="rId3" Type="http://schemas.openxmlformats.org/officeDocument/2006/relationships/slideMaster" Target="slideMasters/slideMaster3.xml"/><Relationship Id="rId21" Type="http://schemas.openxmlformats.org/officeDocument/2006/relationships/tableStyles" Target="tableStyles.xml"/><Relationship Id="rId7" Type="http://schemas.openxmlformats.org/officeDocument/2006/relationships/slide" Target="slides/slide4.xml"/><Relationship Id="rId12" Type="http://schemas.openxmlformats.org/officeDocument/2006/relationships/slide" Target="slides/slide9.xml"/><Relationship Id="rId17" Type="http://schemas.openxmlformats.org/officeDocument/2006/relationships/tags" Target="tags/tag1.xml"/><Relationship Id="rId2" Type="http://schemas.openxmlformats.org/officeDocument/2006/relationships/slideMaster" Target="slideMasters/slideMaster2.xml"/><Relationship Id="rId16" Type="http://schemas.openxmlformats.org/officeDocument/2006/relationships/notesMaster" Target="notesMasters/notesMaster1.xml"/><Relationship Id="rId20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1" Type="http://schemas.openxmlformats.org/officeDocument/2006/relationships/slide" Target="slides/slide8.xml"/><Relationship Id="rId5" Type="http://schemas.openxmlformats.org/officeDocument/2006/relationships/slide" Target="slides/slide2.xml"/><Relationship Id="rId15" Type="http://schemas.openxmlformats.org/officeDocument/2006/relationships/slide" Target="slides/slide12.xml"/><Relationship Id="rId10" Type="http://schemas.openxmlformats.org/officeDocument/2006/relationships/slide" Target="slides/slide7.xml"/><Relationship Id="rId19" Type="http://schemas.openxmlformats.org/officeDocument/2006/relationships/viewProps" Target="viewProps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slide" Target="slides/slide1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머리글 개체 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3" name="날짜 개체 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935DA3F-ED3A-4897-B8F3-C49A97F730D1}" type="datetimeFigureOut">
              <a:rPr lang="ko-KR" altLang="en-US" smtClean="0"/>
              <a:t>2024-05-31</a:t>
            </a:fld>
            <a:endParaRPr lang="ko-KR" altLang="en-US"/>
          </a:p>
        </p:txBody>
      </p:sp>
      <p:sp>
        <p:nvSpPr>
          <p:cNvPr id="4" name="슬라이드 이미지 개체 틀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ko-KR" altLang="en-US"/>
          </a:p>
        </p:txBody>
      </p:sp>
      <p:sp>
        <p:nvSpPr>
          <p:cNvPr id="5" name="슬라이드 노트 개체 틀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ko-KR" altLang="en-US"/>
              <a:t>마스터 텍스트 스타일 편집</a:t>
            </a:r>
          </a:p>
          <a:p>
            <a:pPr lvl="1"/>
            <a:r>
              <a:rPr lang="ko-KR" altLang="en-US"/>
              <a:t>둘째 수준</a:t>
            </a:r>
          </a:p>
          <a:p>
            <a:pPr lvl="2"/>
            <a:r>
              <a:rPr lang="ko-KR" altLang="en-US"/>
              <a:t>셋째 수준</a:t>
            </a:r>
          </a:p>
          <a:p>
            <a:pPr lvl="3"/>
            <a:r>
              <a:rPr lang="ko-KR" altLang="en-US"/>
              <a:t>넷째 수준</a:t>
            </a:r>
          </a:p>
          <a:p>
            <a:pPr lvl="4"/>
            <a:r>
              <a:rPr lang="ko-KR" altLang="en-US"/>
              <a:t>다섯째 수준</a:t>
            </a:r>
          </a:p>
        </p:txBody>
      </p:sp>
      <p:sp>
        <p:nvSpPr>
          <p:cNvPr id="6" name="바닥글 개체 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ko-KR" altLang="en-US"/>
          </a:p>
        </p:txBody>
      </p:sp>
      <p:sp>
        <p:nvSpPr>
          <p:cNvPr id="7" name="슬라이드 번호 개체 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80D9ED4F-90B4-4BD8-A817-6A0A9D03637F}" type="slidenum">
              <a:rPr lang="ko-KR" altLang="en-US" smtClean="0"/>
              <a:t>‹#›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3341800482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1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0D9ED4F-90B4-4BD8-A817-6A0A9D03637F}" type="slidenum">
              <a:rPr lang="ko-KR" altLang="en-US" smtClean="0"/>
              <a:t>1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137407112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0D9ED4F-90B4-4BD8-A817-6A0A9D03637F}" type="slidenum">
              <a:rPr lang="ko-KR" altLang="en-US" smtClean="0"/>
              <a:t>12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15426368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0D9ED4F-90B4-4BD8-A817-6A0A9D03637F}" type="slidenum">
              <a:rPr lang="ko-KR" altLang="en-US" smtClean="0"/>
              <a:t>3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28070328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0D9ED4F-90B4-4BD8-A817-6A0A9D03637F}" type="slidenum">
              <a:rPr lang="ko-KR" altLang="en-US" smtClean="0"/>
              <a:t>4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10913720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0D9ED4F-90B4-4BD8-A817-6A0A9D03637F}" type="slidenum">
              <a:rPr lang="ko-KR" altLang="en-US" smtClean="0"/>
              <a:t>5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92178256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0D9ED4F-90B4-4BD8-A817-6A0A9D03637F}" type="slidenum">
              <a:rPr lang="ko-KR" altLang="en-US" smtClean="0"/>
              <a:t>6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13089332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0D9ED4F-90B4-4BD8-A817-6A0A9D03637F}" type="slidenum">
              <a:rPr lang="ko-KR" altLang="en-US" smtClean="0"/>
              <a:t>7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03328572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0D9ED4F-90B4-4BD8-A817-6A0A9D03637F}" type="slidenum">
              <a:rPr lang="ko-KR" altLang="en-US" smtClean="0"/>
              <a:t>8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247123770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0D9ED4F-90B4-4BD8-A817-6A0A9D03637F}" type="slidenum">
              <a:rPr lang="ko-KR" altLang="en-US" smtClean="0"/>
              <a:t>9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931246546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0D9ED4F-90B4-4BD8-A817-6A0A9D03637F}" type="slidenum">
              <a:rPr lang="ko-KR" altLang="en-US" smtClean="0"/>
              <a:t>11</a:t>
            </a:fld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05601437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2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jpg"/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2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ver Slide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0" y="0"/>
            <a:ext cx="9144000" cy="1347614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grpSp>
        <p:nvGrpSpPr>
          <p:cNvPr id="4" name="그룹 3">
            <a:extLst>
              <a:ext uri="{FF2B5EF4-FFF2-40B4-BE49-F238E27FC236}">
                <a16:creationId xmlns:a16="http://schemas.microsoft.com/office/drawing/2014/main" id="{F921D975-47B7-40FA-B919-8B79C77FC0F2}"/>
              </a:ext>
            </a:extLst>
          </p:cNvPr>
          <p:cNvGrpSpPr/>
          <p:nvPr userDrawn="1"/>
        </p:nvGrpSpPr>
        <p:grpSpPr>
          <a:xfrm>
            <a:off x="4572000" y="387072"/>
            <a:ext cx="4569687" cy="4756528"/>
            <a:chOff x="4572000" y="387072"/>
            <a:chExt cx="4569687" cy="4756528"/>
          </a:xfrm>
        </p:grpSpPr>
        <p:sp>
          <p:nvSpPr>
            <p:cNvPr id="38" name="자유형: 도형 37">
              <a:extLst>
                <a:ext uri="{FF2B5EF4-FFF2-40B4-BE49-F238E27FC236}">
                  <a16:creationId xmlns:a16="http://schemas.microsoft.com/office/drawing/2014/main" id="{3D941B2F-ACDE-44DC-AD51-21CFD90B9D89}"/>
                </a:ext>
              </a:extLst>
            </p:cNvPr>
            <p:cNvSpPr/>
            <p:nvPr userDrawn="1"/>
          </p:nvSpPr>
          <p:spPr>
            <a:xfrm>
              <a:off x="4572000" y="1408870"/>
              <a:ext cx="4569687" cy="3734730"/>
            </a:xfrm>
            <a:custGeom>
              <a:avLst/>
              <a:gdLst>
                <a:gd name="connsiteX0" fmla="*/ 2611712 w 4569687"/>
                <a:gd name="connsiteY0" fmla="*/ 0 h 3734631"/>
                <a:gd name="connsiteX1" fmla="*/ 2927539 w 4569687"/>
                <a:gd name="connsiteY1" fmla="*/ 0 h 3734631"/>
                <a:gd name="connsiteX2" fmla="*/ 3010471 w 4569687"/>
                <a:gd name="connsiteY2" fmla="*/ 662843 h 3734631"/>
                <a:gd name="connsiteX3" fmla="*/ 3062414 w 4569687"/>
                <a:gd name="connsiteY3" fmla="*/ 672782 h 3734631"/>
                <a:gd name="connsiteX4" fmla="*/ 3375104 w 4569687"/>
                <a:gd name="connsiteY4" fmla="*/ 893768 h 3734631"/>
                <a:gd name="connsiteX5" fmla="*/ 3401966 w 4569687"/>
                <a:gd name="connsiteY5" fmla="*/ 943258 h 3734631"/>
                <a:gd name="connsiteX6" fmla="*/ 3444529 w 4569687"/>
                <a:gd name="connsiteY6" fmla="*/ 938967 h 3734631"/>
                <a:gd name="connsiteX7" fmla="*/ 3941882 w 4569687"/>
                <a:gd name="connsiteY7" fmla="*/ 1268635 h 3734631"/>
                <a:gd name="connsiteX8" fmla="*/ 3950232 w 4569687"/>
                <a:gd name="connsiteY8" fmla="*/ 1295533 h 3734631"/>
                <a:gd name="connsiteX9" fmla="*/ 3968452 w 4569687"/>
                <a:gd name="connsiteY9" fmla="*/ 1289878 h 3734631"/>
                <a:gd name="connsiteX10" fmla="*/ 4041773 w 4569687"/>
                <a:gd name="connsiteY10" fmla="*/ 1282486 h 3734631"/>
                <a:gd name="connsiteX11" fmla="*/ 4398197 w 4569687"/>
                <a:gd name="connsiteY11" fmla="*/ 1572980 h 3734631"/>
                <a:gd name="connsiteX12" fmla="*/ 4401113 w 4569687"/>
                <a:gd name="connsiteY12" fmla="*/ 1601912 h 3734631"/>
                <a:gd name="connsiteX13" fmla="*/ 4509768 w 4569687"/>
                <a:gd name="connsiteY13" fmla="*/ 1612865 h 3734631"/>
                <a:gd name="connsiteX14" fmla="*/ 4569687 w 4569687"/>
                <a:gd name="connsiteY14" fmla="*/ 1630661 h 3734631"/>
                <a:gd name="connsiteX15" fmla="*/ 4569687 w 4569687"/>
                <a:gd name="connsiteY15" fmla="*/ 3685776 h 3734631"/>
                <a:gd name="connsiteX16" fmla="*/ 4479175 w 4569687"/>
                <a:gd name="connsiteY16" fmla="*/ 3694900 h 3734631"/>
                <a:gd name="connsiteX17" fmla="*/ 4083674 w 4569687"/>
                <a:gd name="connsiteY17" fmla="*/ 3574092 h 3734631"/>
                <a:gd name="connsiteX18" fmla="*/ 4051094 w 4569687"/>
                <a:gd name="connsiteY18" fmla="*/ 3547210 h 3734631"/>
                <a:gd name="connsiteX19" fmla="*/ 4009782 w 4569687"/>
                <a:gd name="connsiteY19" fmla="*/ 3581295 h 3734631"/>
                <a:gd name="connsiteX20" fmla="*/ 3782104 w 4569687"/>
                <a:gd name="connsiteY20" fmla="*/ 3650841 h 3734631"/>
                <a:gd name="connsiteX21" fmla="*/ 3494159 w 4569687"/>
                <a:gd name="connsiteY21" fmla="*/ 3531570 h 3734631"/>
                <a:gd name="connsiteX22" fmla="*/ 3452428 w 4569687"/>
                <a:gd name="connsiteY22" fmla="*/ 3480992 h 3734631"/>
                <a:gd name="connsiteX23" fmla="*/ 3441126 w 4569687"/>
                <a:gd name="connsiteY23" fmla="*/ 3501813 h 3734631"/>
                <a:gd name="connsiteX24" fmla="*/ 3103456 w 4569687"/>
                <a:gd name="connsiteY24" fmla="*/ 3681351 h 3734631"/>
                <a:gd name="connsiteX25" fmla="*/ 2815511 w 4569687"/>
                <a:gd name="connsiteY25" fmla="*/ 3562080 h 3734631"/>
                <a:gd name="connsiteX26" fmla="*/ 2772231 w 4569687"/>
                <a:gd name="connsiteY26" fmla="*/ 3509625 h 3734631"/>
                <a:gd name="connsiteX27" fmla="*/ 2697608 w 4569687"/>
                <a:gd name="connsiteY27" fmla="*/ 3571194 h 3734631"/>
                <a:gd name="connsiteX28" fmla="*/ 2162552 w 4569687"/>
                <a:gd name="connsiteY28" fmla="*/ 3734631 h 3734631"/>
                <a:gd name="connsiteX29" fmla="*/ 1369010 w 4569687"/>
                <a:gd name="connsiteY29" fmla="*/ 3312708 h 3734631"/>
                <a:gd name="connsiteX30" fmla="*/ 1363923 w 4569687"/>
                <a:gd name="connsiteY30" fmla="*/ 3304336 h 3734631"/>
                <a:gd name="connsiteX31" fmla="*/ 1334207 w 4569687"/>
                <a:gd name="connsiteY31" fmla="*/ 3340352 h 3734631"/>
                <a:gd name="connsiteX32" fmla="*/ 1046262 w 4569687"/>
                <a:gd name="connsiteY32" fmla="*/ 3459623 h 3734631"/>
                <a:gd name="connsiteX33" fmla="*/ 647319 w 4569687"/>
                <a:gd name="connsiteY33" fmla="*/ 3134475 h 3734631"/>
                <a:gd name="connsiteX34" fmla="*/ 642925 w 4569687"/>
                <a:gd name="connsiteY34" fmla="*/ 3090891 h 3734631"/>
                <a:gd name="connsiteX35" fmla="*/ 634894 w 4569687"/>
                <a:gd name="connsiteY35" fmla="*/ 3098188 h 3734631"/>
                <a:gd name="connsiteX36" fmla="*/ 407216 w 4569687"/>
                <a:gd name="connsiteY36" fmla="*/ 3167734 h 3734631"/>
                <a:gd name="connsiteX37" fmla="*/ 0 w 4569687"/>
                <a:gd name="connsiteY37" fmla="*/ 2760518 h 3734631"/>
                <a:gd name="connsiteX38" fmla="*/ 407216 w 4569687"/>
                <a:gd name="connsiteY38" fmla="*/ 2353302 h 3734631"/>
                <a:gd name="connsiteX39" fmla="*/ 489284 w 4569687"/>
                <a:gd name="connsiteY39" fmla="*/ 2361575 h 3734631"/>
                <a:gd name="connsiteX40" fmla="*/ 508084 w 4569687"/>
                <a:gd name="connsiteY40" fmla="*/ 2367411 h 3734631"/>
                <a:gd name="connsiteX41" fmla="*/ 503849 w 4569687"/>
                <a:gd name="connsiteY41" fmla="*/ 2325400 h 3734631"/>
                <a:gd name="connsiteX42" fmla="*/ 1121688 w 4569687"/>
                <a:gd name="connsiteY42" fmla="*/ 1707561 h 3734631"/>
                <a:gd name="connsiteX43" fmla="*/ 1246204 w 4569687"/>
                <a:gd name="connsiteY43" fmla="*/ 1720113 h 3734631"/>
                <a:gd name="connsiteX44" fmla="*/ 1284356 w 4569687"/>
                <a:gd name="connsiteY44" fmla="*/ 1731957 h 3734631"/>
                <a:gd name="connsiteX45" fmla="*/ 1305976 w 4569687"/>
                <a:gd name="connsiteY45" fmla="*/ 1705754 h 3734631"/>
                <a:gd name="connsiteX46" fmla="*/ 1742854 w 4569687"/>
                <a:gd name="connsiteY46" fmla="*/ 1524793 h 3734631"/>
                <a:gd name="connsiteX47" fmla="*/ 1760288 w 4569687"/>
                <a:gd name="connsiteY47" fmla="*/ 1526551 h 3734631"/>
                <a:gd name="connsiteX48" fmla="*/ 1748032 w 4569687"/>
                <a:gd name="connsiteY48" fmla="*/ 1487068 h 3734631"/>
                <a:gd name="connsiteX49" fmla="*/ 1742854 w 4569687"/>
                <a:gd name="connsiteY49" fmla="*/ 1435701 h 3734631"/>
                <a:gd name="connsiteX50" fmla="*/ 1946367 w 4569687"/>
                <a:gd name="connsiteY50" fmla="*/ 1185999 h 3734631"/>
                <a:gd name="connsiteX51" fmla="*/ 1956892 w 4569687"/>
                <a:gd name="connsiteY51" fmla="*/ 1184938 h 3734631"/>
                <a:gd name="connsiteX52" fmla="*/ 1963928 w 4569687"/>
                <a:gd name="connsiteY52" fmla="*/ 1115143 h 3734631"/>
                <a:gd name="connsiteX53" fmla="*/ 2450363 w 4569687"/>
                <a:gd name="connsiteY53" fmla="*/ 718687 h 3734631"/>
                <a:gd name="connsiteX54" fmla="*/ 2520904 w 4569687"/>
                <a:gd name="connsiteY54" fmla="*/ 725798 h 3734631"/>
                <a:gd name="connsiteX0" fmla="*/ 2611712 w 4569687"/>
                <a:gd name="connsiteY0" fmla="*/ 0 h 3734631"/>
                <a:gd name="connsiteX1" fmla="*/ 2927539 w 4569687"/>
                <a:gd name="connsiteY1" fmla="*/ 0 h 3734631"/>
                <a:gd name="connsiteX2" fmla="*/ 3010471 w 4569687"/>
                <a:gd name="connsiteY2" fmla="*/ 662843 h 3734631"/>
                <a:gd name="connsiteX3" fmla="*/ 3062414 w 4569687"/>
                <a:gd name="connsiteY3" fmla="*/ 672782 h 3734631"/>
                <a:gd name="connsiteX4" fmla="*/ 3375104 w 4569687"/>
                <a:gd name="connsiteY4" fmla="*/ 893768 h 3734631"/>
                <a:gd name="connsiteX5" fmla="*/ 3401966 w 4569687"/>
                <a:gd name="connsiteY5" fmla="*/ 943258 h 3734631"/>
                <a:gd name="connsiteX6" fmla="*/ 3444529 w 4569687"/>
                <a:gd name="connsiteY6" fmla="*/ 938967 h 3734631"/>
                <a:gd name="connsiteX7" fmla="*/ 3941882 w 4569687"/>
                <a:gd name="connsiteY7" fmla="*/ 1268635 h 3734631"/>
                <a:gd name="connsiteX8" fmla="*/ 3950232 w 4569687"/>
                <a:gd name="connsiteY8" fmla="*/ 1295533 h 3734631"/>
                <a:gd name="connsiteX9" fmla="*/ 3968452 w 4569687"/>
                <a:gd name="connsiteY9" fmla="*/ 1289878 h 3734631"/>
                <a:gd name="connsiteX10" fmla="*/ 4041773 w 4569687"/>
                <a:gd name="connsiteY10" fmla="*/ 1282486 h 3734631"/>
                <a:gd name="connsiteX11" fmla="*/ 4398197 w 4569687"/>
                <a:gd name="connsiteY11" fmla="*/ 1572980 h 3734631"/>
                <a:gd name="connsiteX12" fmla="*/ 4401113 w 4569687"/>
                <a:gd name="connsiteY12" fmla="*/ 1601912 h 3734631"/>
                <a:gd name="connsiteX13" fmla="*/ 4509768 w 4569687"/>
                <a:gd name="connsiteY13" fmla="*/ 1612865 h 3734631"/>
                <a:gd name="connsiteX14" fmla="*/ 4569687 w 4569687"/>
                <a:gd name="connsiteY14" fmla="*/ 1630661 h 3734631"/>
                <a:gd name="connsiteX15" fmla="*/ 4569687 w 4569687"/>
                <a:gd name="connsiteY15" fmla="*/ 3685776 h 3734631"/>
                <a:gd name="connsiteX16" fmla="*/ 4479175 w 4569687"/>
                <a:gd name="connsiteY16" fmla="*/ 3694900 h 3734631"/>
                <a:gd name="connsiteX17" fmla="*/ 4083674 w 4569687"/>
                <a:gd name="connsiteY17" fmla="*/ 3574092 h 3734631"/>
                <a:gd name="connsiteX18" fmla="*/ 4051094 w 4569687"/>
                <a:gd name="connsiteY18" fmla="*/ 3547210 h 3734631"/>
                <a:gd name="connsiteX19" fmla="*/ 4009782 w 4569687"/>
                <a:gd name="connsiteY19" fmla="*/ 3581295 h 3734631"/>
                <a:gd name="connsiteX20" fmla="*/ 3782104 w 4569687"/>
                <a:gd name="connsiteY20" fmla="*/ 3650841 h 3734631"/>
                <a:gd name="connsiteX21" fmla="*/ 3494159 w 4569687"/>
                <a:gd name="connsiteY21" fmla="*/ 3531570 h 3734631"/>
                <a:gd name="connsiteX22" fmla="*/ 3452428 w 4569687"/>
                <a:gd name="connsiteY22" fmla="*/ 3480992 h 3734631"/>
                <a:gd name="connsiteX23" fmla="*/ 3441126 w 4569687"/>
                <a:gd name="connsiteY23" fmla="*/ 3501813 h 3734631"/>
                <a:gd name="connsiteX24" fmla="*/ 3103456 w 4569687"/>
                <a:gd name="connsiteY24" fmla="*/ 3681351 h 3734631"/>
                <a:gd name="connsiteX25" fmla="*/ 2815511 w 4569687"/>
                <a:gd name="connsiteY25" fmla="*/ 3562080 h 3734631"/>
                <a:gd name="connsiteX26" fmla="*/ 2772231 w 4569687"/>
                <a:gd name="connsiteY26" fmla="*/ 3509625 h 3734631"/>
                <a:gd name="connsiteX27" fmla="*/ 2697608 w 4569687"/>
                <a:gd name="connsiteY27" fmla="*/ 3571194 h 3734631"/>
                <a:gd name="connsiteX28" fmla="*/ 2162552 w 4569687"/>
                <a:gd name="connsiteY28" fmla="*/ 3734631 h 3734631"/>
                <a:gd name="connsiteX29" fmla="*/ 1369010 w 4569687"/>
                <a:gd name="connsiteY29" fmla="*/ 3312708 h 3734631"/>
                <a:gd name="connsiteX30" fmla="*/ 1334207 w 4569687"/>
                <a:gd name="connsiteY30" fmla="*/ 3340352 h 3734631"/>
                <a:gd name="connsiteX31" fmla="*/ 1046262 w 4569687"/>
                <a:gd name="connsiteY31" fmla="*/ 3459623 h 3734631"/>
                <a:gd name="connsiteX32" fmla="*/ 647319 w 4569687"/>
                <a:gd name="connsiteY32" fmla="*/ 3134475 h 3734631"/>
                <a:gd name="connsiteX33" fmla="*/ 642925 w 4569687"/>
                <a:gd name="connsiteY33" fmla="*/ 3090891 h 3734631"/>
                <a:gd name="connsiteX34" fmla="*/ 634894 w 4569687"/>
                <a:gd name="connsiteY34" fmla="*/ 3098188 h 3734631"/>
                <a:gd name="connsiteX35" fmla="*/ 407216 w 4569687"/>
                <a:gd name="connsiteY35" fmla="*/ 3167734 h 3734631"/>
                <a:gd name="connsiteX36" fmla="*/ 0 w 4569687"/>
                <a:gd name="connsiteY36" fmla="*/ 2760518 h 3734631"/>
                <a:gd name="connsiteX37" fmla="*/ 407216 w 4569687"/>
                <a:gd name="connsiteY37" fmla="*/ 2353302 h 3734631"/>
                <a:gd name="connsiteX38" fmla="*/ 489284 w 4569687"/>
                <a:gd name="connsiteY38" fmla="*/ 2361575 h 3734631"/>
                <a:gd name="connsiteX39" fmla="*/ 508084 w 4569687"/>
                <a:gd name="connsiteY39" fmla="*/ 2367411 h 3734631"/>
                <a:gd name="connsiteX40" fmla="*/ 503849 w 4569687"/>
                <a:gd name="connsiteY40" fmla="*/ 2325400 h 3734631"/>
                <a:gd name="connsiteX41" fmla="*/ 1121688 w 4569687"/>
                <a:gd name="connsiteY41" fmla="*/ 1707561 h 3734631"/>
                <a:gd name="connsiteX42" fmla="*/ 1246204 w 4569687"/>
                <a:gd name="connsiteY42" fmla="*/ 1720113 h 3734631"/>
                <a:gd name="connsiteX43" fmla="*/ 1284356 w 4569687"/>
                <a:gd name="connsiteY43" fmla="*/ 1731957 h 3734631"/>
                <a:gd name="connsiteX44" fmla="*/ 1305976 w 4569687"/>
                <a:gd name="connsiteY44" fmla="*/ 1705754 h 3734631"/>
                <a:gd name="connsiteX45" fmla="*/ 1742854 w 4569687"/>
                <a:gd name="connsiteY45" fmla="*/ 1524793 h 3734631"/>
                <a:gd name="connsiteX46" fmla="*/ 1760288 w 4569687"/>
                <a:gd name="connsiteY46" fmla="*/ 1526551 h 3734631"/>
                <a:gd name="connsiteX47" fmla="*/ 1748032 w 4569687"/>
                <a:gd name="connsiteY47" fmla="*/ 1487068 h 3734631"/>
                <a:gd name="connsiteX48" fmla="*/ 1742854 w 4569687"/>
                <a:gd name="connsiteY48" fmla="*/ 1435701 h 3734631"/>
                <a:gd name="connsiteX49" fmla="*/ 1946367 w 4569687"/>
                <a:gd name="connsiteY49" fmla="*/ 1185999 h 3734631"/>
                <a:gd name="connsiteX50" fmla="*/ 1956892 w 4569687"/>
                <a:gd name="connsiteY50" fmla="*/ 1184938 h 3734631"/>
                <a:gd name="connsiteX51" fmla="*/ 1963928 w 4569687"/>
                <a:gd name="connsiteY51" fmla="*/ 1115143 h 3734631"/>
                <a:gd name="connsiteX52" fmla="*/ 2450363 w 4569687"/>
                <a:gd name="connsiteY52" fmla="*/ 718687 h 3734631"/>
                <a:gd name="connsiteX53" fmla="*/ 2520904 w 4569687"/>
                <a:gd name="connsiteY53" fmla="*/ 725798 h 3734631"/>
                <a:gd name="connsiteX54" fmla="*/ 2611712 w 4569687"/>
                <a:gd name="connsiteY54" fmla="*/ 0 h 3734631"/>
                <a:gd name="connsiteX0" fmla="*/ 2611712 w 4569687"/>
                <a:gd name="connsiteY0" fmla="*/ 0 h 3743131"/>
                <a:gd name="connsiteX1" fmla="*/ 2927539 w 4569687"/>
                <a:gd name="connsiteY1" fmla="*/ 0 h 3743131"/>
                <a:gd name="connsiteX2" fmla="*/ 3010471 w 4569687"/>
                <a:gd name="connsiteY2" fmla="*/ 662843 h 3743131"/>
                <a:gd name="connsiteX3" fmla="*/ 3062414 w 4569687"/>
                <a:gd name="connsiteY3" fmla="*/ 672782 h 3743131"/>
                <a:gd name="connsiteX4" fmla="*/ 3375104 w 4569687"/>
                <a:gd name="connsiteY4" fmla="*/ 893768 h 3743131"/>
                <a:gd name="connsiteX5" fmla="*/ 3401966 w 4569687"/>
                <a:gd name="connsiteY5" fmla="*/ 943258 h 3743131"/>
                <a:gd name="connsiteX6" fmla="*/ 3444529 w 4569687"/>
                <a:gd name="connsiteY6" fmla="*/ 938967 h 3743131"/>
                <a:gd name="connsiteX7" fmla="*/ 3941882 w 4569687"/>
                <a:gd name="connsiteY7" fmla="*/ 1268635 h 3743131"/>
                <a:gd name="connsiteX8" fmla="*/ 3950232 w 4569687"/>
                <a:gd name="connsiteY8" fmla="*/ 1295533 h 3743131"/>
                <a:gd name="connsiteX9" fmla="*/ 3968452 w 4569687"/>
                <a:gd name="connsiteY9" fmla="*/ 1289878 h 3743131"/>
                <a:gd name="connsiteX10" fmla="*/ 4041773 w 4569687"/>
                <a:gd name="connsiteY10" fmla="*/ 1282486 h 3743131"/>
                <a:gd name="connsiteX11" fmla="*/ 4398197 w 4569687"/>
                <a:gd name="connsiteY11" fmla="*/ 1572980 h 3743131"/>
                <a:gd name="connsiteX12" fmla="*/ 4401113 w 4569687"/>
                <a:gd name="connsiteY12" fmla="*/ 1601912 h 3743131"/>
                <a:gd name="connsiteX13" fmla="*/ 4509768 w 4569687"/>
                <a:gd name="connsiteY13" fmla="*/ 1612865 h 3743131"/>
                <a:gd name="connsiteX14" fmla="*/ 4569687 w 4569687"/>
                <a:gd name="connsiteY14" fmla="*/ 1630661 h 3743131"/>
                <a:gd name="connsiteX15" fmla="*/ 4569687 w 4569687"/>
                <a:gd name="connsiteY15" fmla="*/ 3685776 h 3743131"/>
                <a:gd name="connsiteX16" fmla="*/ 4479175 w 4569687"/>
                <a:gd name="connsiteY16" fmla="*/ 3694900 h 3743131"/>
                <a:gd name="connsiteX17" fmla="*/ 4083674 w 4569687"/>
                <a:gd name="connsiteY17" fmla="*/ 3574092 h 3743131"/>
                <a:gd name="connsiteX18" fmla="*/ 4051094 w 4569687"/>
                <a:gd name="connsiteY18" fmla="*/ 3547210 h 3743131"/>
                <a:gd name="connsiteX19" fmla="*/ 4009782 w 4569687"/>
                <a:gd name="connsiteY19" fmla="*/ 3581295 h 3743131"/>
                <a:gd name="connsiteX20" fmla="*/ 3782104 w 4569687"/>
                <a:gd name="connsiteY20" fmla="*/ 3650841 h 3743131"/>
                <a:gd name="connsiteX21" fmla="*/ 3494159 w 4569687"/>
                <a:gd name="connsiteY21" fmla="*/ 3531570 h 3743131"/>
                <a:gd name="connsiteX22" fmla="*/ 3452428 w 4569687"/>
                <a:gd name="connsiteY22" fmla="*/ 3480992 h 3743131"/>
                <a:gd name="connsiteX23" fmla="*/ 3441126 w 4569687"/>
                <a:gd name="connsiteY23" fmla="*/ 3501813 h 3743131"/>
                <a:gd name="connsiteX24" fmla="*/ 3103456 w 4569687"/>
                <a:gd name="connsiteY24" fmla="*/ 3681351 h 3743131"/>
                <a:gd name="connsiteX25" fmla="*/ 2815511 w 4569687"/>
                <a:gd name="connsiteY25" fmla="*/ 3562080 h 3743131"/>
                <a:gd name="connsiteX26" fmla="*/ 2772231 w 4569687"/>
                <a:gd name="connsiteY26" fmla="*/ 3509625 h 3743131"/>
                <a:gd name="connsiteX27" fmla="*/ 2697608 w 4569687"/>
                <a:gd name="connsiteY27" fmla="*/ 3571194 h 3743131"/>
                <a:gd name="connsiteX28" fmla="*/ 2162552 w 4569687"/>
                <a:gd name="connsiteY28" fmla="*/ 3734631 h 3743131"/>
                <a:gd name="connsiteX29" fmla="*/ 1334207 w 4569687"/>
                <a:gd name="connsiteY29" fmla="*/ 3340352 h 3743131"/>
                <a:gd name="connsiteX30" fmla="*/ 1046262 w 4569687"/>
                <a:gd name="connsiteY30" fmla="*/ 3459623 h 3743131"/>
                <a:gd name="connsiteX31" fmla="*/ 647319 w 4569687"/>
                <a:gd name="connsiteY31" fmla="*/ 3134475 h 3743131"/>
                <a:gd name="connsiteX32" fmla="*/ 642925 w 4569687"/>
                <a:gd name="connsiteY32" fmla="*/ 3090891 h 3743131"/>
                <a:gd name="connsiteX33" fmla="*/ 634894 w 4569687"/>
                <a:gd name="connsiteY33" fmla="*/ 3098188 h 3743131"/>
                <a:gd name="connsiteX34" fmla="*/ 407216 w 4569687"/>
                <a:gd name="connsiteY34" fmla="*/ 3167734 h 3743131"/>
                <a:gd name="connsiteX35" fmla="*/ 0 w 4569687"/>
                <a:gd name="connsiteY35" fmla="*/ 2760518 h 3743131"/>
                <a:gd name="connsiteX36" fmla="*/ 407216 w 4569687"/>
                <a:gd name="connsiteY36" fmla="*/ 2353302 h 3743131"/>
                <a:gd name="connsiteX37" fmla="*/ 489284 w 4569687"/>
                <a:gd name="connsiteY37" fmla="*/ 2361575 h 3743131"/>
                <a:gd name="connsiteX38" fmla="*/ 508084 w 4569687"/>
                <a:gd name="connsiteY38" fmla="*/ 2367411 h 3743131"/>
                <a:gd name="connsiteX39" fmla="*/ 503849 w 4569687"/>
                <a:gd name="connsiteY39" fmla="*/ 2325400 h 3743131"/>
                <a:gd name="connsiteX40" fmla="*/ 1121688 w 4569687"/>
                <a:gd name="connsiteY40" fmla="*/ 1707561 h 3743131"/>
                <a:gd name="connsiteX41" fmla="*/ 1246204 w 4569687"/>
                <a:gd name="connsiteY41" fmla="*/ 1720113 h 3743131"/>
                <a:gd name="connsiteX42" fmla="*/ 1284356 w 4569687"/>
                <a:gd name="connsiteY42" fmla="*/ 1731957 h 3743131"/>
                <a:gd name="connsiteX43" fmla="*/ 1305976 w 4569687"/>
                <a:gd name="connsiteY43" fmla="*/ 1705754 h 3743131"/>
                <a:gd name="connsiteX44" fmla="*/ 1742854 w 4569687"/>
                <a:gd name="connsiteY44" fmla="*/ 1524793 h 3743131"/>
                <a:gd name="connsiteX45" fmla="*/ 1760288 w 4569687"/>
                <a:gd name="connsiteY45" fmla="*/ 1526551 h 3743131"/>
                <a:gd name="connsiteX46" fmla="*/ 1748032 w 4569687"/>
                <a:gd name="connsiteY46" fmla="*/ 1487068 h 3743131"/>
                <a:gd name="connsiteX47" fmla="*/ 1742854 w 4569687"/>
                <a:gd name="connsiteY47" fmla="*/ 1435701 h 3743131"/>
                <a:gd name="connsiteX48" fmla="*/ 1946367 w 4569687"/>
                <a:gd name="connsiteY48" fmla="*/ 1185999 h 3743131"/>
                <a:gd name="connsiteX49" fmla="*/ 1956892 w 4569687"/>
                <a:gd name="connsiteY49" fmla="*/ 1184938 h 3743131"/>
                <a:gd name="connsiteX50" fmla="*/ 1963928 w 4569687"/>
                <a:gd name="connsiteY50" fmla="*/ 1115143 h 3743131"/>
                <a:gd name="connsiteX51" fmla="*/ 2450363 w 4569687"/>
                <a:gd name="connsiteY51" fmla="*/ 718687 h 3743131"/>
                <a:gd name="connsiteX52" fmla="*/ 2520904 w 4569687"/>
                <a:gd name="connsiteY52" fmla="*/ 725798 h 3743131"/>
                <a:gd name="connsiteX53" fmla="*/ 2611712 w 4569687"/>
                <a:gd name="connsiteY53" fmla="*/ 0 h 3743131"/>
                <a:gd name="connsiteX0" fmla="*/ 2611712 w 4569687"/>
                <a:gd name="connsiteY0" fmla="*/ 0 h 3741630"/>
                <a:gd name="connsiteX1" fmla="*/ 2927539 w 4569687"/>
                <a:gd name="connsiteY1" fmla="*/ 0 h 3741630"/>
                <a:gd name="connsiteX2" fmla="*/ 3010471 w 4569687"/>
                <a:gd name="connsiteY2" fmla="*/ 662843 h 3741630"/>
                <a:gd name="connsiteX3" fmla="*/ 3062414 w 4569687"/>
                <a:gd name="connsiteY3" fmla="*/ 672782 h 3741630"/>
                <a:gd name="connsiteX4" fmla="*/ 3375104 w 4569687"/>
                <a:gd name="connsiteY4" fmla="*/ 893768 h 3741630"/>
                <a:gd name="connsiteX5" fmla="*/ 3401966 w 4569687"/>
                <a:gd name="connsiteY5" fmla="*/ 943258 h 3741630"/>
                <a:gd name="connsiteX6" fmla="*/ 3444529 w 4569687"/>
                <a:gd name="connsiteY6" fmla="*/ 938967 h 3741630"/>
                <a:gd name="connsiteX7" fmla="*/ 3941882 w 4569687"/>
                <a:gd name="connsiteY7" fmla="*/ 1268635 h 3741630"/>
                <a:gd name="connsiteX8" fmla="*/ 3950232 w 4569687"/>
                <a:gd name="connsiteY8" fmla="*/ 1295533 h 3741630"/>
                <a:gd name="connsiteX9" fmla="*/ 3968452 w 4569687"/>
                <a:gd name="connsiteY9" fmla="*/ 1289878 h 3741630"/>
                <a:gd name="connsiteX10" fmla="*/ 4041773 w 4569687"/>
                <a:gd name="connsiteY10" fmla="*/ 1282486 h 3741630"/>
                <a:gd name="connsiteX11" fmla="*/ 4398197 w 4569687"/>
                <a:gd name="connsiteY11" fmla="*/ 1572980 h 3741630"/>
                <a:gd name="connsiteX12" fmla="*/ 4401113 w 4569687"/>
                <a:gd name="connsiteY12" fmla="*/ 1601912 h 3741630"/>
                <a:gd name="connsiteX13" fmla="*/ 4509768 w 4569687"/>
                <a:gd name="connsiteY13" fmla="*/ 1612865 h 3741630"/>
                <a:gd name="connsiteX14" fmla="*/ 4569687 w 4569687"/>
                <a:gd name="connsiteY14" fmla="*/ 1630661 h 3741630"/>
                <a:gd name="connsiteX15" fmla="*/ 4569687 w 4569687"/>
                <a:gd name="connsiteY15" fmla="*/ 3685776 h 3741630"/>
                <a:gd name="connsiteX16" fmla="*/ 4479175 w 4569687"/>
                <a:gd name="connsiteY16" fmla="*/ 3694900 h 3741630"/>
                <a:gd name="connsiteX17" fmla="*/ 4083674 w 4569687"/>
                <a:gd name="connsiteY17" fmla="*/ 3574092 h 3741630"/>
                <a:gd name="connsiteX18" fmla="*/ 4051094 w 4569687"/>
                <a:gd name="connsiteY18" fmla="*/ 3547210 h 3741630"/>
                <a:gd name="connsiteX19" fmla="*/ 4009782 w 4569687"/>
                <a:gd name="connsiteY19" fmla="*/ 3581295 h 3741630"/>
                <a:gd name="connsiteX20" fmla="*/ 3782104 w 4569687"/>
                <a:gd name="connsiteY20" fmla="*/ 3650841 h 3741630"/>
                <a:gd name="connsiteX21" fmla="*/ 3494159 w 4569687"/>
                <a:gd name="connsiteY21" fmla="*/ 3531570 h 3741630"/>
                <a:gd name="connsiteX22" fmla="*/ 3452428 w 4569687"/>
                <a:gd name="connsiteY22" fmla="*/ 3480992 h 3741630"/>
                <a:gd name="connsiteX23" fmla="*/ 3441126 w 4569687"/>
                <a:gd name="connsiteY23" fmla="*/ 3501813 h 3741630"/>
                <a:gd name="connsiteX24" fmla="*/ 3103456 w 4569687"/>
                <a:gd name="connsiteY24" fmla="*/ 3681351 h 3741630"/>
                <a:gd name="connsiteX25" fmla="*/ 2815511 w 4569687"/>
                <a:gd name="connsiteY25" fmla="*/ 3562080 h 3741630"/>
                <a:gd name="connsiteX26" fmla="*/ 2772231 w 4569687"/>
                <a:gd name="connsiteY26" fmla="*/ 3509625 h 3741630"/>
                <a:gd name="connsiteX27" fmla="*/ 2697608 w 4569687"/>
                <a:gd name="connsiteY27" fmla="*/ 3571194 h 3741630"/>
                <a:gd name="connsiteX28" fmla="*/ 2162552 w 4569687"/>
                <a:gd name="connsiteY28" fmla="*/ 3734631 h 3741630"/>
                <a:gd name="connsiteX29" fmla="*/ 1390478 w 4569687"/>
                <a:gd name="connsiteY29" fmla="*/ 3368488 h 3741630"/>
                <a:gd name="connsiteX30" fmla="*/ 1046262 w 4569687"/>
                <a:gd name="connsiteY30" fmla="*/ 3459623 h 3741630"/>
                <a:gd name="connsiteX31" fmla="*/ 647319 w 4569687"/>
                <a:gd name="connsiteY31" fmla="*/ 3134475 h 3741630"/>
                <a:gd name="connsiteX32" fmla="*/ 642925 w 4569687"/>
                <a:gd name="connsiteY32" fmla="*/ 3090891 h 3741630"/>
                <a:gd name="connsiteX33" fmla="*/ 634894 w 4569687"/>
                <a:gd name="connsiteY33" fmla="*/ 3098188 h 3741630"/>
                <a:gd name="connsiteX34" fmla="*/ 407216 w 4569687"/>
                <a:gd name="connsiteY34" fmla="*/ 3167734 h 3741630"/>
                <a:gd name="connsiteX35" fmla="*/ 0 w 4569687"/>
                <a:gd name="connsiteY35" fmla="*/ 2760518 h 3741630"/>
                <a:gd name="connsiteX36" fmla="*/ 407216 w 4569687"/>
                <a:gd name="connsiteY36" fmla="*/ 2353302 h 3741630"/>
                <a:gd name="connsiteX37" fmla="*/ 489284 w 4569687"/>
                <a:gd name="connsiteY37" fmla="*/ 2361575 h 3741630"/>
                <a:gd name="connsiteX38" fmla="*/ 508084 w 4569687"/>
                <a:gd name="connsiteY38" fmla="*/ 2367411 h 3741630"/>
                <a:gd name="connsiteX39" fmla="*/ 503849 w 4569687"/>
                <a:gd name="connsiteY39" fmla="*/ 2325400 h 3741630"/>
                <a:gd name="connsiteX40" fmla="*/ 1121688 w 4569687"/>
                <a:gd name="connsiteY40" fmla="*/ 1707561 h 3741630"/>
                <a:gd name="connsiteX41" fmla="*/ 1246204 w 4569687"/>
                <a:gd name="connsiteY41" fmla="*/ 1720113 h 3741630"/>
                <a:gd name="connsiteX42" fmla="*/ 1284356 w 4569687"/>
                <a:gd name="connsiteY42" fmla="*/ 1731957 h 3741630"/>
                <a:gd name="connsiteX43" fmla="*/ 1305976 w 4569687"/>
                <a:gd name="connsiteY43" fmla="*/ 1705754 h 3741630"/>
                <a:gd name="connsiteX44" fmla="*/ 1742854 w 4569687"/>
                <a:gd name="connsiteY44" fmla="*/ 1524793 h 3741630"/>
                <a:gd name="connsiteX45" fmla="*/ 1760288 w 4569687"/>
                <a:gd name="connsiteY45" fmla="*/ 1526551 h 3741630"/>
                <a:gd name="connsiteX46" fmla="*/ 1748032 w 4569687"/>
                <a:gd name="connsiteY46" fmla="*/ 1487068 h 3741630"/>
                <a:gd name="connsiteX47" fmla="*/ 1742854 w 4569687"/>
                <a:gd name="connsiteY47" fmla="*/ 1435701 h 3741630"/>
                <a:gd name="connsiteX48" fmla="*/ 1946367 w 4569687"/>
                <a:gd name="connsiteY48" fmla="*/ 1185999 h 3741630"/>
                <a:gd name="connsiteX49" fmla="*/ 1956892 w 4569687"/>
                <a:gd name="connsiteY49" fmla="*/ 1184938 h 3741630"/>
                <a:gd name="connsiteX50" fmla="*/ 1963928 w 4569687"/>
                <a:gd name="connsiteY50" fmla="*/ 1115143 h 3741630"/>
                <a:gd name="connsiteX51" fmla="*/ 2450363 w 4569687"/>
                <a:gd name="connsiteY51" fmla="*/ 718687 h 3741630"/>
                <a:gd name="connsiteX52" fmla="*/ 2520904 w 4569687"/>
                <a:gd name="connsiteY52" fmla="*/ 725798 h 3741630"/>
                <a:gd name="connsiteX53" fmla="*/ 2611712 w 4569687"/>
                <a:gd name="connsiteY53" fmla="*/ 0 h 3741630"/>
                <a:gd name="connsiteX0" fmla="*/ 2611712 w 4569687"/>
                <a:gd name="connsiteY0" fmla="*/ 0 h 3734730"/>
                <a:gd name="connsiteX1" fmla="*/ 2927539 w 4569687"/>
                <a:gd name="connsiteY1" fmla="*/ 0 h 3734730"/>
                <a:gd name="connsiteX2" fmla="*/ 3010471 w 4569687"/>
                <a:gd name="connsiteY2" fmla="*/ 662843 h 3734730"/>
                <a:gd name="connsiteX3" fmla="*/ 3062414 w 4569687"/>
                <a:gd name="connsiteY3" fmla="*/ 672782 h 3734730"/>
                <a:gd name="connsiteX4" fmla="*/ 3375104 w 4569687"/>
                <a:gd name="connsiteY4" fmla="*/ 893768 h 3734730"/>
                <a:gd name="connsiteX5" fmla="*/ 3401966 w 4569687"/>
                <a:gd name="connsiteY5" fmla="*/ 943258 h 3734730"/>
                <a:gd name="connsiteX6" fmla="*/ 3444529 w 4569687"/>
                <a:gd name="connsiteY6" fmla="*/ 938967 h 3734730"/>
                <a:gd name="connsiteX7" fmla="*/ 3941882 w 4569687"/>
                <a:gd name="connsiteY7" fmla="*/ 1268635 h 3734730"/>
                <a:gd name="connsiteX8" fmla="*/ 3950232 w 4569687"/>
                <a:gd name="connsiteY8" fmla="*/ 1295533 h 3734730"/>
                <a:gd name="connsiteX9" fmla="*/ 3968452 w 4569687"/>
                <a:gd name="connsiteY9" fmla="*/ 1289878 h 3734730"/>
                <a:gd name="connsiteX10" fmla="*/ 4041773 w 4569687"/>
                <a:gd name="connsiteY10" fmla="*/ 1282486 h 3734730"/>
                <a:gd name="connsiteX11" fmla="*/ 4398197 w 4569687"/>
                <a:gd name="connsiteY11" fmla="*/ 1572980 h 3734730"/>
                <a:gd name="connsiteX12" fmla="*/ 4401113 w 4569687"/>
                <a:gd name="connsiteY12" fmla="*/ 1601912 h 3734730"/>
                <a:gd name="connsiteX13" fmla="*/ 4509768 w 4569687"/>
                <a:gd name="connsiteY13" fmla="*/ 1612865 h 3734730"/>
                <a:gd name="connsiteX14" fmla="*/ 4569687 w 4569687"/>
                <a:gd name="connsiteY14" fmla="*/ 1630661 h 3734730"/>
                <a:gd name="connsiteX15" fmla="*/ 4569687 w 4569687"/>
                <a:gd name="connsiteY15" fmla="*/ 3685776 h 3734730"/>
                <a:gd name="connsiteX16" fmla="*/ 4479175 w 4569687"/>
                <a:gd name="connsiteY16" fmla="*/ 3694900 h 3734730"/>
                <a:gd name="connsiteX17" fmla="*/ 4083674 w 4569687"/>
                <a:gd name="connsiteY17" fmla="*/ 3574092 h 3734730"/>
                <a:gd name="connsiteX18" fmla="*/ 4051094 w 4569687"/>
                <a:gd name="connsiteY18" fmla="*/ 3547210 h 3734730"/>
                <a:gd name="connsiteX19" fmla="*/ 4009782 w 4569687"/>
                <a:gd name="connsiteY19" fmla="*/ 3581295 h 3734730"/>
                <a:gd name="connsiteX20" fmla="*/ 3782104 w 4569687"/>
                <a:gd name="connsiteY20" fmla="*/ 3650841 h 3734730"/>
                <a:gd name="connsiteX21" fmla="*/ 3494159 w 4569687"/>
                <a:gd name="connsiteY21" fmla="*/ 3531570 h 3734730"/>
                <a:gd name="connsiteX22" fmla="*/ 3452428 w 4569687"/>
                <a:gd name="connsiteY22" fmla="*/ 3480992 h 3734730"/>
                <a:gd name="connsiteX23" fmla="*/ 3441126 w 4569687"/>
                <a:gd name="connsiteY23" fmla="*/ 3501813 h 3734730"/>
                <a:gd name="connsiteX24" fmla="*/ 3103456 w 4569687"/>
                <a:gd name="connsiteY24" fmla="*/ 3681351 h 3734730"/>
                <a:gd name="connsiteX25" fmla="*/ 2815511 w 4569687"/>
                <a:gd name="connsiteY25" fmla="*/ 3562080 h 3734730"/>
                <a:gd name="connsiteX26" fmla="*/ 2772231 w 4569687"/>
                <a:gd name="connsiteY26" fmla="*/ 3509625 h 3734730"/>
                <a:gd name="connsiteX27" fmla="*/ 2697608 w 4569687"/>
                <a:gd name="connsiteY27" fmla="*/ 3571194 h 3734730"/>
                <a:gd name="connsiteX28" fmla="*/ 2162552 w 4569687"/>
                <a:gd name="connsiteY28" fmla="*/ 3734631 h 3734730"/>
                <a:gd name="connsiteX29" fmla="*/ 1390478 w 4569687"/>
                <a:gd name="connsiteY29" fmla="*/ 3368488 h 3734730"/>
                <a:gd name="connsiteX30" fmla="*/ 1046262 w 4569687"/>
                <a:gd name="connsiteY30" fmla="*/ 3459623 h 3734730"/>
                <a:gd name="connsiteX31" fmla="*/ 647319 w 4569687"/>
                <a:gd name="connsiteY31" fmla="*/ 3134475 h 3734730"/>
                <a:gd name="connsiteX32" fmla="*/ 642925 w 4569687"/>
                <a:gd name="connsiteY32" fmla="*/ 3090891 h 3734730"/>
                <a:gd name="connsiteX33" fmla="*/ 634894 w 4569687"/>
                <a:gd name="connsiteY33" fmla="*/ 3098188 h 3734730"/>
                <a:gd name="connsiteX34" fmla="*/ 407216 w 4569687"/>
                <a:gd name="connsiteY34" fmla="*/ 3167734 h 3734730"/>
                <a:gd name="connsiteX35" fmla="*/ 0 w 4569687"/>
                <a:gd name="connsiteY35" fmla="*/ 2760518 h 3734730"/>
                <a:gd name="connsiteX36" fmla="*/ 407216 w 4569687"/>
                <a:gd name="connsiteY36" fmla="*/ 2353302 h 3734730"/>
                <a:gd name="connsiteX37" fmla="*/ 489284 w 4569687"/>
                <a:gd name="connsiteY37" fmla="*/ 2361575 h 3734730"/>
                <a:gd name="connsiteX38" fmla="*/ 508084 w 4569687"/>
                <a:gd name="connsiteY38" fmla="*/ 2367411 h 3734730"/>
                <a:gd name="connsiteX39" fmla="*/ 503849 w 4569687"/>
                <a:gd name="connsiteY39" fmla="*/ 2325400 h 3734730"/>
                <a:gd name="connsiteX40" fmla="*/ 1121688 w 4569687"/>
                <a:gd name="connsiteY40" fmla="*/ 1707561 h 3734730"/>
                <a:gd name="connsiteX41" fmla="*/ 1246204 w 4569687"/>
                <a:gd name="connsiteY41" fmla="*/ 1720113 h 3734730"/>
                <a:gd name="connsiteX42" fmla="*/ 1284356 w 4569687"/>
                <a:gd name="connsiteY42" fmla="*/ 1731957 h 3734730"/>
                <a:gd name="connsiteX43" fmla="*/ 1305976 w 4569687"/>
                <a:gd name="connsiteY43" fmla="*/ 1705754 h 3734730"/>
                <a:gd name="connsiteX44" fmla="*/ 1742854 w 4569687"/>
                <a:gd name="connsiteY44" fmla="*/ 1524793 h 3734730"/>
                <a:gd name="connsiteX45" fmla="*/ 1760288 w 4569687"/>
                <a:gd name="connsiteY45" fmla="*/ 1526551 h 3734730"/>
                <a:gd name="connsiteX46" fmla="*/ 1748032 w 4569687"/>
                <a:gd name="connsiteY46" fmla="*/ 1487068 h 3734730"/>
                <a:gd name="connsiteX47" fmla="*/ 1742854 w 4569687"/>
                <a:gd name="connsiteY47" fmla="*/ 1435701 h 3734730"/>
                <a:gd name="connsiteX48" fmla="*/ 1946367 w 4569687"/>
                <a:gd name="connsiteY48" fmla="*/ 1185999 h 3734730"/>
                <a:gd name="connsiteX49" fmla="*/ 1956892 w 4569687"/>
                <a:gd name="connsiteY49" fmla="*/ 1184938 h 3734730"/>
                <a:gd name="connsiteX50" fmla="*/ 1963928 w 4569687"/>
                <a:gd name="connsiteY50" fmla="*/ 1115143 h 3734730"/>
                <a:gd name="connsiteX51" fmla="*/ 2450363 w 4569687"/>
                <a:gd name="connsiteY51" fmla="*/ 718687 h 3734730"/>
                <a:gd name="connsiteX52" fmla="*/ 2520904 w 4569687"/>
                <a:gd name="connsiteY52" fmla="*/ 725798 h 3734730"/>
                <a:gd name="connsiteX53" fmla="*/ 2611712 w 4569687"/>
                <a:gd name="connsiteY53" fmla="*/ 0 h 3734730"/>
                <a:gd name="connsiteX0" fmla="*/ 2611712 w 4569687"/>
                <a:gd name="connsiteY0" fmla="*/ 0 h 3734730"/>
                <a:gd name="connsiteX1" fmla="*/ 2927539 w 4569687"/>
                <a:gd name="connsiteY1" fmla="*/ 0 h 3734730"/>
                <a:gd name="connsiteX2" fmla="*/ 3010471 w 4569687"/>
                <a:gd name="connsiteY2" fmla="*/ 662843 h 3734730"/>
                <a:gd name="connsiteX3" fmla="*/ 3062414 w 4569687"/>
                <a:gd name="connsiteY3" fmla="*/ 672782 h 3734730"/>
                <a:gd name="connsiteX4" fmla="*/ 3375104 w 4569687"/>
                <a:gd name="connsiteY4" fmla="*/ 893768 h 3734730"/>
                <a:gd name="connsiteX5" fmla="*/ 3401966 w 4569687"/>
                <a:gd name="connsiteY5" fmla="*/ 943258 h 3734730"/>
                <a:gd name="connsiteX6" fmla="*/ 3444529 w 4569687"/>
                <a:gd name="connsiteY6" fmla="*/ 938967 h 3734730"/>
                <a:gd name="connsiteX7" fmla="*/ 3941882 w 4569687"/>
                <a:gd name="connsiteY7" fmla="*/ 1268635 h 3734730"/>
                <a:gd name="connsiteX8" fmla="*/ 3950232 w 4569687"/>
                <a:gd name="connsiteY8" fmla="*/ 1295533 h 3734730"/>
                <a:gd name="connsiteX9" fmla="*/ 3968452 w 4569687"/>
                <a:gd name="connsiteY9" fmla="*/ 1289878 h 3734730"/>
                <a:gd name="connsiteX10" fmla="*/ 4041773 w 4569687"/>
                <a:gd name="connsiteY10" fmla="*/ 1282486 h 3734730"/>
                <a:gd name="connsiteX11" fmla="*/ 4398197 w 4569687"/>
                <a:gd name="connsiteY11" fmla="*/ 1572980 h 3734730"/>
                <a:gd name="connsiteX12" fmla="*/ 4401113 w 4569687"/>
                <a:gd name="connsiteY12" fmla="*/ 1601912 h 3734730"/>
                <a:gd name="connsiteX13" fmla="*/ 4509768 w 4569687"/>
                <a:gd name="connsiteY13" fmla="*/ 1612865 h 3734730"/>
                <a:gd name="connsiteX14" fmla="*/ 4569687 w 4569687"/>
                <a:gd name="connsiteY14" fmla="*/ 1630661 h 3734730"/>
                <a:gd name="connsiteX15" fmla="*/ 4569687 w 4569687"/>
                <a:gd name="connsiteY15" fmla="*/ 3685776 h 3734730"/>
                <a:gd name="connsiteX16" fmla="*/ 4479175 w 4569687"/>
                <a:gd name="connsiteY16" fmla="*/ 3694900 h 3734730"/>
                <a:gd name="connsiteX17" fmla="*/ 4083674 w 4569687"/>
                <a:gd name="connsiteY17" fmla="*/ 3574092 h 3734730"/>
                <a:gd name="connsiteX18" fmla="*/ 4051094 w 4569687"/>
                <a:gd name="connsiteY18" fmla="*/ 3547210 h 3734730"/>
                <a:gd name="connsiteX19" fmla="*/ 4009782 w 4569687"/>
                <a:gd name="connsiteY19" fmla="*/ 3581295 h 3734730"/>
                <a:gd name="connsiteX20" fmla="*/ 3782104 w 4569687"/>
                <a:gd name="connsiteY20" fmla="*/ 3650841 h 3734730"/>
                <a:gd name="connsiteX21" fmla="*/ 3494159 w 4569687"/>
                <a:gd name="connsiteY21" fmla="*/ 3531570 h 3734730"/>
                <a:gd name="connsiteX22" fmla="*/ 3452428 w 4569687"/>
                <a:gd name="connsiteY22" fmla="*/ 3480992 h 3734730"/>
                <a:gd name="connsiteX23" fmla="*/ 3441126 w 4569687"/>
                <a:gd name="connsiteY23" fmla="*/ 3501813 h 3734730"/>
                <a:gd name="connsiteX24" fmla="*/ 3103456 w 4569687"/>
                <a:gd name="connsiteY24" fmla="*/ 3681351 h 3734730"/>
                <a:gd name="connsiteX25" fmla="*/ 2815511 w 4569687"/>
                <a:gd name="connsiteY25" fmla="*/ 3562080 h 3734730"/>
                <a:gd name="connsiteX26" fmla="*/ 2772231 w 4569687"/>
                <a:gd name="connsiteY26" fmla="*/ 3509625 h 3734730"/>
                <a:gd name="connsiteX27" fmla="*/ 2697608 w 4569687"/>
                <a:gd name="connsiteY27" fmla="*/ 3571194 h 3734730"/>
                <a:gd name="connsiteX28" fmla="*/ 2162552 w 4569687"/>
                <a:gd name="connsiteY28" fmla="*/ 3734631 h 3734730"/>
                <a:gd name="connsiteX29" fmla="*/ 1390478 w 4569687"/>
                <a:gd name="connsiteY29" fmla="*/ 3368488 h 3734730"/>
                <a:gd name="connsiteX30" fmla="*/ 1046262 w 4569687"/>
                <a:gd name="connsiteY30" fmla="*/ 3459623 h 3734730"/>
                <a:gd name="connsiteX31" fmla="*/ 647319 w 4569687"/>
                <a:gd name="connsiteY31" fmla="*/ 3134475 h 3734730"/>
                <a:gd name="connsiteX32" fmla="*/ 642925 w 4569687"/>
                <a:gd name="connsiteY32" fmla="*/ 3090891 h 3734730"/>
                <a:gd name="connsiteX33" fmla="*/ 634894 w 4569687"/>
                <a:gd name="connsiteY33" fmla="*/ 3098188 h 3734730"/>
                <a:gd name="connsiteX34" fmla="*/ 407216 w 4569687"/>
                <a:gd name="connsiteY34" fmla="*/ 3167734 h 3734730"/>
                <a:gd name="connsiteX35" fmla="*/ 0 w 4569687"/>
                <a:gd name="connsiteY35" fmla="*/ 2760518 h 3734730"/>
                <a:gd name="connsiteX36" fmla="*/ 407216 w 4569687"/>
                <a:gd name="connsiteY36" fmla="*/ 2353302 h 3734730"/>
                <a:gd name="connsiteX37" fmla="*/ 489284 w 4569687"/>
                <a:gd name="connsiteY37" fmla="*/ 2361575 h 3734730"/>
                <a:gd name="connsiteX38" fmla="*/ 508084 w 4569687"/>
                <a:gd name="connsiteY38" fmla="*/ 2367411 h 3734730"/>
                <a:gd name="connsiteX39" fmla="*/ 503849 w 4569687"/>
                <a:gd name="connsiteY39" fmla="*/ 2325400 h 3734730"/>
                <a:gd name="connsiteX40" fmla="*/ 1121688 w 4569687"/>
                <a:gd name="connsiteY40" fmla="*/ 1707561 h 3734730"/>
                <a:gd name="connsiteX41" fmla="*/ 1246204 w 4569687"/>
                <a:gd name="connsiteY41" fmla="*/ 1720113 h 3734730"/>
                <a:gd name="connsiteX42" fmla="*/ 1284356 w 4569687"/>
                <a:gd name="connsiteY42" fmla="*/ 1731957 h 3734730"/>
                <a:gd name="connsiteX43" fmla="*/ 1305976 w 4569687"/>
                <a:gd name="connsiteY43" fmla="*/ 1705754 h 3734730"/>
                <a:gd name="connsiteX44" fmla="*/ 1742854 w 4569687"/>
                <a:gd name="connsiteY44" fmla="*/ 1524793 h 3734730"/>
                <a:gd name="connsiteX45" fmla="*/ 1760288 w 4569687"/>
                <a:gd name="connsiteY45" fmla="*/ 1526551 h 3734730"/>
                <a:gd name="connsiteX46" fmla="*/ 1748032 w 4569687"/>
                <a:gd name="connsiteY46" fmla="*/ 1487068 h 3734730"/>
                <a:gd name="connsiteX47" fmla="*/ 1742854 w 4569687"/>
                <a:gd name="connsiteY47" fmla="*/ 1435701 h 3734730"/>
                <a:gd name="connsiteX48" fmla="*/ 1946367 w 4569687"/>
                <a:gd name="connsiteY48" fmla="*/ 1185999 h 3734730"/>
                <a:gd name="connsiteX49" fmla="*/ 1956892 w 4569687"/>
                <a:gd name="connsiteY49" fmla="*/ 1184938 h 3734730"/>
                <a:gd name="connsiteX50" fmla="*/ 1963928 w 4569687"/>
                <a:gd name="connsiteY50" fmla="*/ 1115143 h 3734730"/>
                <a:gd name="connsiteX51" fmla="*/ 2450363 w 4569687"/>
                <a:gd name="connsiteY51" fmla="*/ 718687 h 3734730"/>
                <a:gd name="connsiteX52" fmla="*/ 2520904 w 4569687"/>
                <a:gd name="connsiteY52" fmla="*/ 725798 h 3734730"/>
                <a:gd name="connsiteX53" fmla="*/ 2611712 w 4569687"/>
                <a:gd name="connsiteY53" fmla="*/ 0 h 373473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  <a:cxn ang="0">
                  <a:pos x="connsiteX45" y="connsiteY45"/>
                </a:cxn>
                <a:cxn ang="0">
                  <a:pos x="connsiteX46" y="connsiteY46"/>
                </a:cxn>
                <a:cxn ang="0">
                  <a:pos x="connsiteX47" y="connsiteY47"/>
                </a:cxn>
                <a:cxn ang="0">
                  <a:pos x="connsiteX48" y="connsiteY48"/>
                </a:cxn>
                <a:cxn ang="0">
                  <a:pos x="connsiteX49" y="connsiteY49"/>
                </a:cxn>
                <a:cxn ang="0">
                  <a:pos x="connsiteX50" y="connsiteY50"/>
                </a:cxn>
                <a:cxn ang="0">
                  <a:pos x="connsiteX51" y="connsiteY51"/>
                </a:cxn>
                <a:cxn ang="0">
                  <a:pos x="connsiteX52" y="connsiteY52"/>
                </a:cxn>
                <a:cxn ang="0">
                  <a:pos x="connsiteX53" y="connsiteY53"/>
                </a:cxn>
              </a:cxnLst>
              <a:rect l="l" t="t" r="r" b="b"/>
              <a:pathLst>
                <a:path w="4569687" h="3734730">
                  <a:moveTo>
                    <a:pt x="2611712" y="0"/>
                  </a:moveTo>
                  <a:lnTo>
                    <a:pt x="2927539" y="0"/>
                  </a:lnTo>
                  <a:lnTo>
                    <a:pt x="3010471" y="662843"/>
                  </a:lnTo>
                  <a:lnTo>
                    <a:pt x="3062414" y="672782"/>
                  </a:lnTo>
                  <a:cubicBezTo>
                    <a:pt x="3191764" y="706062"/>
                    <a:pt x="3302353" y="786083"/>
                    <a:pt x="3375104" y="893768"/>
                  </a:cubicBezTo>
                  <a:lnTo>
                    <a:pt x="3401966" y="943258"/>
                  </a:lnTo>
                  <a:lnTo>
                    <a:pt x="3444529" y="938967"/>
                  </a:lnTo>
                  <a:cubicBezTo>
                    <a:pt x="3668109" y="938967"/>
                    <a:pt x="3859940" y="1074903"/>
                    <a:pt x="3941882" y="1268635"/>
                  </a:cubicBezTo>
                  <a:lnTo>
                    <a:pt x="3950232" y="1295533"/>
                  </a:lnTo>
                  <a:lnTo>
                    <a:pt x="3968452" y="1289878"/>
                  </a:lnTo>
                  <a:cubicBezTo>
                    <a:pt x="3992135" y="1285031"/>
                    <a:pt x="4016657" y="1282486"/>
                    <a:pt x="4041773" y="1282486"/>
                  </a:cubicBezTo>
                  <a:cubicBezTo>
                    <a:pt x="4217586" y="1282486"/>
                    <a:pt x="4364272" y="1407196"/>
                    <a:pt x="4398197" y="1572980"/>
                  </a:cubicBezTo>
                  <a:lnTo>
                    <a:pt x="4401113" y="1601912"/>
                  </a:lnTo>
                  <a:lnTo>
                    <a:pt x="4509768" y="1612865"/>
                  </a:lnTo>
                  <a:lnTo>
                    <a:pt x="4569687" y="1630661"/>
                  </a:lnTo>
                  <a:lnTo>
                    <a:pt x="4569687" y="3685776"/>
                  </a:lnTo>
                  <a:lnTo>
                    <a:pt x="4479175" y="3694900"/>
                  </a:lnTo>
                  <a:cubicBezTo>
                    <a:pt x="4332673" y="3694900"/>
                    <a:pt x="4196572" y="3650364"/>
                    <a:pt x="4083674" y="3574092"/>
                  </a:cubicBezTo>
                  <a:lnTo>
                    <a:pt x="4051094" y="3547210"/>
                  </a:lnTo>
                  <a:lnTo>
                    <a:pt x="4009782" y="3581295"/>
                  </a:lnTo>
                  <a:cubicBezTo>
                    <a:pt x="3944790" y="3625203"/>
                    <a:pt x="3866441" y="3650841"/>
                    <a:pt x="3782104" y="3650841"/>
                  </a:cubicBezTo>
                  <a:cubicBezTo>
                    <a:pt x="3669655" y="3650841"/>
                    <a:pt x="3567851" y="3605262"/>
                    <a:pt x="3494159" y="3531570"/>
                  </a:cubicBezTo>
                  <a:lnTo>
                    <a:pt x="3452428" y="3480992"/>
                  </a:lnTo>
                  <a:lnTo>
                    <a:pt x="3441126" y="3501813"/>
                  </a:lnTo>
                  <a:cubicBezTo>
                    <a:pt x="3367946" y="3610134"/>
                    <a:pt x="3244018" y="3681351"/>
                    <a:pt x="3103456" y="3681351"/>
                  </a:cubicBezTo>
                  <a:cubicBezTo>
                    <a:pt x="2991007" y="3681351"/>
                    <a:pt x="2889203" y="3635772"/>
                    <a:pt x="2815511" y="3562080"/>
                  </a:cubicBezTo>
                  <a:lnTo>
                    <a:pt x="2772231" y="3509625"/>
                  </a:lnTo>
                  <a:lnTo>
                    <a:pt x="2697608" y="3571194"/>
                  </a:lnTo>
                  <a:cubicBezTo>
                    <a:pt x="2544873" y="3674380"/>
                    <a:pt x="2382991" y="3737583"/>
                    <a:pt x="2162552" y="3734631"/>
                  </a:cubicBezTo>
                  <a:cubicBezTo>
                    <a:pt x="1740716" y="3728982"/>
                    <a:pt x="1534323" y="3547967"/>
                    <a:pt x="1390478" y="3368488"/>
                  </a:cubicBezTo>
                  <a:cubicBezTo>
                    <a:pt x="1316786" y="3442180"/>
                    <a:pt x="1170122" y="3498625"/>
                    <a:pt x="1046262" y="3459623"/>
                  </a:cubicBezTo>
                  <a:cubicBezTo>
                    <a:pt x="922402" y="3420621"/>
                    <a:pt x="685290" y="3320037"/>
                    <a:pt x="647319" y="3134475"/>
                  </a:cubicBezTo>
                  <a:lnTo>
                    <a:pt x="642925" y="3090891"/>
                  </a:lnTo>
                  <a:lnTo>
                    <a:pt x="634894" y="3098188"/>
                  </a:lnTo>
                  <a:cubicBezTo>
                    <a:pt x="569902" y="3142096"/>
                    <a:pt x="491553" y="3167734"/>
                    <a:pt x="407216" y="3167734"/>
                  </a:cubicBezTo>
                  <a:cubicBezTo>
                    <a:pt x="182317" y="3167734"/>
                    <a:pt x="0" y="2985417"/>
                    <a:pt x="0" y="2760518"/>
                  </a:cubicBezTo>
                  <a:cubicBezTo>
                    <a:pt x="0" y="2535619"/>
                    <a:pt x="182317" y="2353302"/>
                    <a:pt x="407216" y="2353302"/>
                  </a:cubicBezTo>
                  <a:cubicBezTo>
                    <a:pt x="435328" y="2353302"/>
                    <a:pt x="462775" y="2356151"/>
                    <a:pt x="489284" y="2361575"/>
                  </a:cubicBezTo>
                  <a:lnTo>
                    <a:pt x="508084" y="2367411"/>
                  </a:lnTo>
                  <a:lnTo>
                    <a:pt x="503849" y="2325400"/>
                  </a:lnTo>
                  <a:cubicBezTo>
                    <a:pt x="503849" y="1984177"/>
                    <a:pt x="780465" y="1707561"/>
                    <a:pt x="1121688" y="1707561"/>
                  </a:cubicBezTo>
                  <a:cubicBezTo>
                    <a:pt x="1164341" y="1707561"/>
                    <a:pt x="1205984" y="1711883"/>
                    <a:pt x="1246204" y="1720113"/>
                  </a:cubicBezTo>
                  <a:lnTo>
                    <a:pt x="1284356" y="1731957"/>
                  </a:lnTo>
                  <a:lnTo>
                    <a:pt x="1305976" y="1705754"/>
                  </a:lnTo>
                  <a:cubicBezTo>
                    <a:pt x="1417783" y="1593947"/>
                    <a:pt x="1572242" y="1524793"/>
                    <a:pt x="1742854" y="1524793"/>
                  </a:cubicBezTo>
                  <a:lnTo>
                    <a:pt x="1760288" y="1526551"/>
                  </a:lnTo>
                  <a:lnTo>
                    <a:pt x="1748032" y="1487068"/>
                  </a:lnTo>
                  <a:cubicBezTo>
                    <a:pt x="1744637" y="1470476"/>
                    <a:pt x="1742854" y="1453297"/>
                    <a:pt x="1742854" y="1435701"/>
                  </a:cubicBezTo>
                  <a:cubicBezTo>
                    <a:pt x="1742854" y="1312531"/>
                    <a:pt x="1830222" y="1209766"/>
                    <a:pt x="1946367" y="1185999"/>
                  </a:cubicBezTo>
                  <a:lnTo>
                    <a:pt x="1956892" y="1184938"/>
                  </a:lnTo>
                  <a:lnTo>
                    <a:pt x="1963928" y="1115143"/>
                  </a:lnTo>
                  <a:cubicBezTo>
                    <a:pt x="2010227" y="888886"/>
                    <a:pt x="2210419" y="718687"/>
                    <a:pt x="2450363" y="718687"/>
                  </a:cubicBezTo>
                  <a:lnTo>
                    <a:pt x="2520904" y="725798"/>
                  </a:lnTo>
                  <a:lnTo>
                    <a:pt x="2611712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ctr">
              <a:noAutofit/>
            </a:bodyPr>
            <a:lstStyle/>
            <a:p>
              <a:pPr algn="ctr"/>
              <a:endParaRPr lang="ko-KR" altLang="en-US"/>
            </a:p>
          </p:txBody>
        </p:sp>
        <p:grpSp>
          <p:nvGrpSpPr>
            <p:cNvPr id="28" name="그룹 27">
              <a:extLst>
                <a:ext uri="{FF2B5EF4-FFF2-40B4-BE49-F238E27FC236}">
                  <a16:creationId xmlns:a16="http://schemas.microsoft.com/office/drawing/2014/main" id="{F6BA73B4-BC5C-4378-A083-948505655B7B}"/>
                </a:ext>
              </a:extLst>
            </p:cNvPr>
            <p:cNvGrpSpPr/>
            <p:nvPr userDrawn="1"/>
          </p:nvGrpSpPr>
          <p:grpSpPr>
            <a:xfrm>
              <a:off x="6992136" y="387072"/>
              <a:ext cx="704897" cy="1355021"/>
              <a:chOff x="5304862" y="-789923"/>
              <a:chExt cx="645890" cy="1241591"/>
            </a:xfrm>
          </p:grpSpPr>
          <p:grpSp>
            <p:nvGrpSpPr>
              <p:cNvPr id="29" name="그룹 28">
                <a:extLst>
                  <a:ext uri="{FF2B5EF4-FFF2-40B4-BE49-F238E27FC236}">
                    <a16:creationId xmlns:a16="http://schemas.microsoft.com/office/drawing/2014/main" id="{269974D1-7996-4667-BA09-83671B53C878}"/>
                  </a:ext>
                </a:extLst>
              </p:cNvPr>
              <p:cNvGrpSpPr/>
              <p:nvPr userDrawn="1"/>
            </p:nvGrpSpPr>
            <p:grpSpPr>
              <a:xfrm>
                <a:off x="5377232" y="-789923"/>
                <a:ext cx="495969" cy="1052585"/>
                <a:chOff x="5868144" y="-857099"/>
                <a:chExt cx="495969" cy="1052585"/>
              </a:xfrm>
            </p:grpSpPr>
            <p:sp>
              <p:nvSpPr>
                <p:cNvPr id="34" name="이등변 삼각형 49">
                  <a:extLst>
                    <a:ext uri="{FF2B5EF4-FFF2-40B4-BE49-F238E27FC236}">
                      <a16:creationId xmlns:a16="http://schemas.microsoft.com/office/drawing/2014/main" id="{28E40F27-2EBF-4762-A766-35C37FBBB4FC}"/>
                    </a:ext>
                  </a:extLst>
                </p:cNvPr>
                <p:cNvSpPr/>
                <p:nvPr userDrawn="1"/>
              </p:nvSpPr>
              <p:spPr>
                <a:xfrm>
                  <a:off x="5868144" y="-853769"/>
                  <a:ext cx="495969" cy="1049255"/>
                </a:xfrm>
                <a:custGeom>
                  <a:avLst/>
                  <a:gdLst>
                    <a:gd name="connsiteX0" fmla="*/ 0 w 311344"/>
                    <a:gd name="connsiteY0" fmla="*/ 1049255 h 1049255"/>
                    <a:gd name="connsiteX1" fmla="*/ 155672 w 311344"/>
                    <a:gd name="connsiteY1" fmla="*/ 0 h 1049255"/>
                    <a:gd name="connsiteX2" fmla="*/ 311344 w 311344"/>
                    <a:gd name="connsiteY2" fmla="*/ 1049255 h 1049255"/>
                    <a:gd name="connsiteX3" fmla="*/ 0 w 311344"/>
                    <a:gd name="connsiteY3" fmla="*/ 1049255 h 1049255"/>
                    <a:gd name="connsiteX0" fmla="*/ 45684 w 357028"/>
                    <a:gd name="connsiteY0" fmla="*/ 1049255 h 1049255"/>
                    <a:gd name="connsiteX1" fmla="*/ 201356 w 357028"/>
                    <a:gd name="connsiteY1" fmla="*/ 0 h 1049255"/>
                    <a:gd name="connsiteX2" fmla="*/ 357028 w 357028"/>
                    <a:gd name="connsiteY2" fmla="*/ 1049255 h 1049255"/>
                    <a:gd name="connsiteX3" fmla="*/ 45684 w 357028"/>
                    <a:gd name="connsiteY3" fmla="*/ 1049255 h 1049255"/>
                    <a:gd name="connsiteX0" fmla="*/ 45684 w 416158"/>
                    <a:gd name="connsiteY0" fmla="*/ 1049255 h 1049255"/>
                    <a:gd name="connsiteX1" fmla="*/ 201356 w 416158"/>
                    <a:gd name="connsiteY1" fmla="*/ 0 h 1049255"/>
                    <a:gd name="connsiteX2" fmla="*/ 357028 w 416158"/>
                    <a:gd name="connsiteY2" fmla="*/ 1049255 h 1049255"/>
                    <a:gd name="connsiteX3" fmla="*/ 45684 w 416158"/>
                    <a:gd name="connsiteY3" fmla="*/ 1049255 h 1049255"/>
                    <a:gd name="connsiteX0" fmla="*/ 87161 w 457635"/>
                    <a:gd name="connsiteY0" fmla="*/ 1049255 h 1049255"/>
                    <a:gd name="connsiteX1" fmla="*/ 242833 w 457635"/>
                    <a:gd name="connsiteY1" fmla="*/ 0 h 1049255"/>
                    <a:gd name="connsiteX2" fmla="*/ 398505 w 457635"/>
                    <a:gd name="connsiteY2" fmla="*/ 1049255 h 1049255"/>
                    <a:gd name="connsiteX3" fmla="*/ 87161 w 457635"/>
                    <a:gd name="connsiteY3" fmla="*/ 1049255 h 1049255"/>
                    <a:gd name="connsiteX0" fmla="*/ 87161 w 500627"/>
                    <a:gd name="connsiteY0" fmla="*/ 1049255 h 1049255"/>
                    <a:gd name="connsiteX1" fmla="*/ 242833 w 500627"/>
                    <a:gd name="connsiteY1" fmla="*/ 0 h 1049255"/>
                    <a:gd name="connsiteX2" fmla="*/ 398505 w 500627"/>
                    <a:gd name="connsiteY2" fmla="*/ 1049255 h 1049255"/>
                    <a:gd name="connsiteX3" fmla="*/ 87161 w 500627"/>
                    <a:gd name="connsiteY3" fmla="*/ 1049255 h 1049255"/>
                    <a:gd name="connsiteX0" fmla="*/ 91187 w 504653"/>
                    <a:gd name="connsiteY0" fmla="*/ 1049255 h 1049255"/>
                    <a:gd name="connsiteX1" fmla="*/ 246859 w 504653"/>
                    <a:gd name="connsiteY1" fmla="*/ 0 h 1049255"/>
                    <a:gd name="connsiteX2" fmla="*/ 402531 w 504653"/>
                    <a:gd name="connsiteY2" fmla="*/ 1049255 h 1049255"/>
                    <a:gd name="connsiteX3" fmla="*/ 91187 w 504653"/>
                    <a:gd name="connsiteY3" fmla="*/ 1049255 h 1049255"/>
                    <a:gd name="connsiteX0" fmla="*/ 91187 w 500775"/>
                    <a:gd name="connsiteY0" fmla="*/ 1049255 h 1049255"/>
                    <a:gd name="connsiteX1" fmla="*/ 246859 w 500775"/>
                    <a:gd name="connsiteY1" fmla="*/ 0 h 1049255"/>
                    <a:gd name="connsiteX2" fmla="*/ 402531 w 500775"/>
                    <a:gd name="connsiteY2" fmla="*/ 1049255 h 1049255"/>
                    <a:gd name="connsiteX3" fmla="*/ 91187 w 500775"/>
                    <a:gd name="connsiteY3" fmla="*/ 1049255 h 1049255"/>
                    <a:gd name="connsiteX0" fmla="*/ 91187 w 484758"/>
                    <a:gd name="connsiteY0" fmla="*/ 1049255 h 1049255"/>
                    <a:gd name="connsiteX1" fmla="*/ 246859 w 484758"/>
                    <a:gd name="connsiteY1" fmla="*/ 0 h 1049255"/>
                    <a:gd name="connsiteX2" fmla="*/ 402531 w 484758"/>
                    <a:gd name="connsiteY2" fmla="*/ 1049255 h 1049255"/>
                    <a:gd name="connsiteX3" fmla="*/ 91187 w 484758"/>
                    <a:gd name="connsiteY3" fmla="*/ 1049255 h 1049255"/>
                    <a:gd name="connsiteX0" fmla="*/ 91187 w 488692"/>
                    <a:gd name="connsiteY0" fmla="*/ 1049255 h 1049255"/>
                    <a:gd name="connsiteX1" fmla="*/ 246859 w 488692"/>
                    <a:gd name="connsiteY1" fmla="*/ 0 h 1049255"/>
                    <a:gd name="connsiteX2" fmla="*/ 402531 w 488692"/>
                    <a:gd name="connsiteY2" fmla="*/ 1049255 h 1049255"/>
                    <a:gd name="connsiteX3" fmla="*/ 91187 w 488692"/>
                    <a:gd name="connsiteY3" fmla="*/ 1049255 h 1049255"/>
                    <a:gd name="connsiteX0" fmla="*/ 91187 w 492707"/>
                    <a:gd name="connsiteY0" fmla="*/ 1049255 h 1049255"/>
                    <a:gd name="connsiteX1" fmla="*/ 246859 w 492707"/>
                    <a:gd name="connsiteY1" fmla="*/ 0 h 1049255"/>
                    <a:gd name="connsiteX2" fmla="*/ 402531 w 492707"/>
                    <a:gd name="connsiteY2" fmla="*/ 1049255 h 1049255"/>
                    <a:gd name="connsiteX3" fmla="*/ 91187 w 492707"/>
                    <a:gd name="connsiteY3" fmla="*/ 1049255 h 1049255"/>
                    <a:gd name="connsiteX0" fmla="*/ 95257 w 496777"/>
                    <a:gd name="connsiteY0" fmla="*/ 1049255 h 1049255"/>
                    <a:gd name="connsiteX1" fmla="*/ 250929 w 496777"/>
                    <a:gd name="connsiteY1" fmla="*/ 0 h 1049255"/>
                    <a:gd name="connsiteX2" fmla="*/ 406601 w 496777"/>
                    <a:gd name="connsiteY2" fmla="*/ 1049255 h 1049255"/>
                    <a:gd name="connsiteX3" fmla="*/ 95257 w 496777"/>
                    <a:gd name="connsiteY3" fmla="*/ 1049255 h 1049255"/>
                    <a:gd name="connsiteX0" fmla="*/ 95257 w 485293"/>
                    <a:gd name="connsiteY0" fmla="*/ 1049255 h 1049255"/>
                    <a:gd name="connsiteX1" fmla="*/ 250929 w 485293"/>
                    <a:gd name="connsiteY1" fmla="*/ 0 h 1049255"/>
                    <a:gd name="connsiteX2" fmla="*/ 406601 w 485293"/>
                    <a:gd name="connsiteY2" fmla="*/ 1049255 h 1049255"/>
                    <a:gd name="connsiteX3" fmla="*/ 95257 w 485293"/>
                    <a:gd name="connsiteY3" fmla="*/ 1049255 h 1049255"/>
                    <a:gd name="connsiteX0" fmla="*/ 95257 w 494828"/>
                    <a:gd name="connsiteY0" fmla="*/ 1049255 h 1049255"/>
                    <a:gd name="connsiteX1" fmla="*/ 250929 w 494828"/>
                    <a:gd name="connsiteY1" fmla="*/ 0 h 1049255"/>
                    <a:gd name="connsiteX2" fmla="*/ 406601 w 494828"/>
                    <a:gd name="connsiteY2" fmla="*/ 1049255 h 1049255"/>
                    <a:gd name="connsiteX3" fmla="*/ 95257 w 494828"/>
                    <a:gd name="connsiteY3" fmla="*/ 1049255 h 1049255"/>
                    <a:gd name="connsiteX0" fmla="*/ 95257 w 493814"/>
                    <a:gd name="connsiteY0" fmla="*/ 1049255 h 1049255"/>
                    <a:gd name="connsiteX1" fmla="*/ 250929 w 493814"/>
                    <a:gd name="connsiteY1" fmla="*/ 0 h 1049255"/>
                    <a:gd name="connsiteX2" fmla="*/ 406601 w 493814"/>
                    <a:gd name="connsiteY2" fmla="*/ 1049255 h 1049255"/>
                    <a:gd name="connsiteX3" fmla="*/ 95257 w 493814"/>
                    <a:gd name="connsiteY3" fmla="*/ 1049255 h 1049255"/>
                    <a:gd name="connsiteX0" fmla="*/ 95257 w 496864"/>
                    <a:gd name="connsiteY0" fmla="*/ 1049255 h 1049255"/>
                    <a:gd name="connsiteX1" fmla="*/ 250929 w 496864"/>
                    <a:gd name="connsiteY1" fmla="*/ 0 h 1049255"/>
                    <a:gd name="connsiteX2" fmla="*/ 406601 w 496864"/>
                    <a:gd name="connsiteY2" fmla="*/ 1049255 h 1049255"/>
                    <a:gd name="connsiteX3" fmla="*/ 95257 w 496864"/>
                    <a:gd name="connsiteY3" fmla="*/ 1049255 h 1049255"/>
                    <a:gd name="connsiteX0" fmla="*/ 95257 w 497887"/>
                    <a:gd name="connsiteY0" fmla="*/ 1049255 h 1049255"/>
                    <a:gd name="connsiteX1" fmla="*/ 250929 w 497887"/>
                    <a:gd name="connsiteY1" fmla="*/ 0 h 1049255"/>
                    <a:gd name="connsiteX2" fmla="*/ 406601 w 497887"/>
                    <a:gd name="connsiteY2" fmla="*/ 1049255 h 1049255"/>
                    <a:gd name="connsiteX3" fmla="*/ 95257 w 497887"/>
                    <a:gd name="connsiteY3" fmla="*/ 1049255 h 1049255"/>
                    <a:gd name="connsiteX0" fmla="*/ 95257 w 495969"/>
                    <a:gd name="connsiteY0" fmla="*/ 1049255 h 1049255"/>
                    <a:gd name="connsiteX1" fmla="*/ 250929 w 495969"/>
                    <a:gd name="connsiteY1" fmla="*/ 0 h 1049255"/>
                    <a:gd name="connsiteX2" fmla="*/ 406601 w 495969"/>
                    <a:gd name="connsiteY2" fmla="*/ 1049255 h 1049255"/>
                    <a:gd name="connsiteX3" fmla="*/ 95257 w 495969"/>
                    <a:gd name="connsiteY3" fmla="*/ 1049255 h 104925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495969" h="1049255">
                      <a:moveTo>
                        <a:pt x="95257" y="1049255"/>
                      </a:moveTo>
                      <a:cubicBezTo>
                        <a:pt x="6676" y="723357"/>
                        <a:pt x="-121664" y="317947"/>
                        <a:pt x="250929" y="0"/>
                      </a:cubicBezTo>
                      <a:cubicBezTo>
                        <a:pt x="612920" y="328549"/>
                        <a:pt x="489882" y="781667"/>
                        <a:pt x="406601" y="1049255"/>
                      </a:cubicBezTo>
                      <a:lnTo>
                        <a:pt x="95257" y="1049255"/>
                      </a:lnTo>
                      <a:close/>
                    </a:path>
                  </a:pathLst>
                </a:custGeom>
                <a:solidFill>
                  <a:schemeClr val="bg1">
                    <a:lumMod val="85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 dirty="0"/>
                </a:p>
              </p:txBody>
            </p:sp>
            <p:sp>
              <p:nvSpPr>
                <p:cNvPr id="35" name="자유형: 도형 34">
                  <a:extLst>
                    <a:ext uri="{FF2B5EF4-FFF2-40B4-BE49-F238E27FC236}">
                      <a16:creationId xmlns:a16="http://schemas.microsoft.com/office/drawing/2014/main" id="{8F48F4F8-139B-4033-8A10-8F6699C3926C}"/>
                    </a:ext>
                  </a:extLst>
                </p:cNvPr>
                <p:cNvSpPr/>
                <p:nvPr userDrawn="1"/>
              </p:nvSpPr>
              <p:spPr>
                <a:xfrm>
                  <a:off x="5939427" y="102551"/>
                  <a:ext cx="364003" cy="92935"/>
                </a:xfrm>
                <a:custGeom>
                  <a:avLst/>
                  <a:gdLst>
                    <a:gd name="connsiteX0" fmla="*/ 0 w 364003"/>
                    <a:gd name="connsiteY0" fmla="*/ 0 h 92935"/>
                    <a:gd name="connsiteX1" fmla="*/ 364003 w 364003"/>
                    <a:gd name="connsiteY1" fmla="*/ 0 h 92935"/>
                    <a:gd name="connsiteX2" fmla="*/ 336518 w 364003"/>
                    <a:gd name="connsiteY2" fmla="*/ 92935 h 92935"/>
                    <a:gd name="connsiteX3" fmla="*/ 25174 w 364003"/>
                    <a:gd name="connsiteY3" fmla="*/ 92935 h 9293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364003" h="92935">
                      <a:moveTo>
                        <a:pt x="0" y="0"/>
                      </a:moveTo>
                      <a:lnTo>
                        <a:pt x="364003" y="0"/>
                      </a:lnTo>
                      <a:lnTo>
                        <a:pt x="336518" y="92935"/>
                      </a:lnTo>
                      <a:lnTo>
                        <a:pt x="25174" y="92935"/>
                      </a:lnTo>
                      <a:close/>
                    </a:path>
                  </a:pathLst>
                </a:custGeom>
                <a:solidFill>
                  <a:schemeClr val="bg1">
                    <a:lumMod val="65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/>
                </a:p>
              </p:txBody>
            </p:sp>
            <p:sp>
              <p:nvSpPr>
                <p:cNvPr id="36" name="자유형: 도형 35">
                  <a:extLst>
                    <a:ext uri="{FF2B5EF4-FFF2-40B4-BE49-F238E27FC236}">
                      <a16:creationId xmlns:a16="http://schemas.microsoft.com/office/drawing/2014/main" id="{1B13B33C-E953-4CCE-A9B0-8BAF1A14BCD1}"/>
                    </a:ext>
                  </a:extLst>
                </p:cNvPr>
                <p:cNvSpPr/>
                <p:nvPr userDrawn="1"/>
              </p:nvSpPr>
              <p:spPr>
                <a:xfrm>
                  <a:off x="5893989" y="-857099"/>
                  <a:ext cx="444279" cy="350537"/>
                </a:xfrm>
                <a:custGeom>
                  <a:avLst/>
                  <a:gdLst>
                    <a:gd name="connsiteX0" fmla="*/ 227272 w 444279"/>
                    <a:gd name="connsiteY0" fmla="*/ 0 h 350537"/>
                    <a:gd name="connsiteX1" fmla="*/ 440556 w 444279"/>
                    <a:gd name="connsiteY1" fmla="*/ 335046 h 350537"/>
                    <a:gd name="connsiteX2" fmla="*/ 444279 w 444279"/>
                    <a:gd name="connsiteY2" fmla="*/ 350537 h 350537"/>
                    <a:gd name="connsiteX3" fmla="*/ 0 w 444279"/>
                    <a:gd name="connsiteY3" fmla="*/ 350537 h 350537"/>
                    <a:gd name="connsiteX4" fmla="*/ 8223 w 444279"/>
                    <a:gd name="connsiteY4" fmla="*/ 318604 h 350537"/>
                    <a:gd name="connsiteX5" fmla="*/ 227272 w 444279"/>
                    <a:gd name="connsiteY5" fmla="*/ 0 h 350537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</a:cxnLst>
                  <a:rect l="l" t="t" r="r" b="b"/>
                  <a:pathLst>
                    <a:path w="444279" h="350537">
                      <a:moveTo>
                        <a:pt x="227272" y="0"/>
                      </a:moveTo>
                      <a:cubicBezTo>
                        <a:pt x="340394" y="102672"/>
                        <a:pt x="406151" y="217508"/>
                        <a:pt x="440556" y="335046"/>
                      </a:cubicBezTo>
                      <a:lnTo>
                        <a:pt x="444279" y="350537"/>
                      </a:lnTo>
                      <a:lnTo>
                        <a:pt x="0" y="350537"/>
                      </a:lnTo>
                      <a:lnTo>
                        <a:pt x="8223" y="318604"/>
                      </a:lnTo>
                      <a:cubicBezTo>
                        <a:pt x="43321" y="207258"/>
                        <a:pt x="110837" y="99358"/>
                        <a:pt x="227272" y="0"/>
                      </a:cubicBezTo>
                      <a:close/>
                    </a:path>
                  </a:pathLst>
                </a:custGeom>
                <a:solidFill>
                  <a:schemeClr val="accent3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/>
                </a:p>
              </p:txBody>
            </p:sp>
          </p:grpSp>
          <p:sp>
            <p:nvSpPr>
              <p:cNvPr id="30" name="타원 29">
                <a:extLst>
                  <a:ext uri="{FF2B5EF4-FFF2-40B4-BE49-F238E27FC236}">
                    <a16:creationId xmlns:a16="http://schemas.microsoft.com/office/drawing/2014/main" id="{C8CF60D7-5C5A-451E-BE72-BA888208BAF2}"/>
                  </a:ext>
                </a:extLst>
              </p:cNvPr>
              <p:cNvSpPr/>
              <p:nvPr userDrawn="1"/>
            </p:nvSpPr>
            <p:spPr>
              <a:xfrm>
                <a:off x="5535216" y="-351600"/>
                <a:ext cx="180000" cy="180000"/>
              </a:xfrm>
              <a:prstGeom prst="ellipse">
                <a:avLst/>
              </a:prstGeom>
              <a:solidFill>
                <a:schemeClr val="bg1"/>
              </a:solidFill>
              <a:ln w="12700">
                <a:solidFill>
                  <a:schemeClr val="bg1">
                    <a:lumMod val="7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31" name="직사각형 30">
                <a:extLst>
                  <a:ext uri="{FF2B5EF4-FFF2-40B4-BE49-F238E27FC236}">
                    <a16:creationId xmlns:a16="http://schemas.microsoft.com/office/drawing/2014/main" id="{47DE17EC-22E7-4731-8B49-B51235A1DF1F}"/>
                  </a:ext>
                </a:extLst>
              </p:cNvPr>
              <p:cNvSpPr/>
              <p:nvPr userDrawn="1"/>
            </p:nvSpPr>
            <p:spPr>
              <a:xfrm flipH="1">
                <a:off x="5614416" y="6445"/>
                <a:ext cx="21600" cy="432000"/>
              </a:xfrm>
              <a:prstGeom prst="rect">
                <a:avLst/>
              </a:pr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32" name="자유형: 도형 31">
                <a:extLst>
                  <a:ext uri="{FF2B5EF4-FFF2-40B4-BE49-F238E27FC236}">
                    <a16:creationId xmlns:a16="http://schemas.microsoft.com/office/drawing/2014/main" id="{548997DE-64C7-44A9-A88E-2031BD44F473}"/>
                  </a:ext>
                </a:extLst>
              </p:cNvPr>
              <p:cNvSpPr/>
              <p:nvPr userDrawn="1"/>
            </p:nvSpPr>
            <p:spPr>
              <a:xfrm>
                <a:off x="5304862" y="-1556"/>
                <a:ext cx="143653" cy="453224"/>
              </a:xfrm>
              <a:custGeom>
                <a:avLst/>
                <a:gdLst>
                  <a:gd name="connsiteX0" fmla="*/ 71561 w 116619"/>
                  <a:gd name="connsiteY0" fmla="*/ 0 h 453224"/>
                  <a:gd name="connsiteX1" fmla="*/ 116619 w 116619"/>
                  <a:gd name="connsiteY1" fmla="*/ 145774 h 453224"/>
                  <a:gd name="connsiteX2" fmla="*/ 0 w 116619"/>
                  <a:gd name="connsiteY2" fmla="*/ 453224 h 453224"/>
                  <a:gd name="connsiteX3" fmla="*/ 71561 w 116619"/>
                  <a:gd name="connsiteY3" fmla="*/ 0 h 453224"/>
                  <a:gd name="connsiteX0" fmla="*/ 78782 w 123840"/>
                  <a:gd name="connsiteY0" fmla="*/ 0 h 453224"/>
                  <a:gd name="connsiteX1" fmla="*/ 123840 w 123840"/>
                  <a:gd name="connsiteY1" fmla="*/ 145774 h 453224"/>
                  <a:gd name="connsiteX2" fmla="*/ 7221 w 123840"/>
                  <a:gd name="connsiteY2" fmla="*/ 453224 h 453224"/>
                  <a:gd name="connsiteX3" fmla="*/ 78782 w 123840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5845 w 140903"/>
                  <a:gd name="connsiteY0" fmla="*/ 0 h 453224"/>
                  <a:gd name="connsiteX1" fmla="*/ 140903 w 140903"/>
                  <a:gd name="connsiteY1" fmla="*/ 145774 h 453224"/>
                  <a:gd name="connsiteX2" fmla="*/ 24284 w 140903"/>
                  <a:gd name="connsiteY2" fmla="*/ 453224 h 453224"/>
                  <a:gd name="connsiteX3" fmla="*/ 95845 w 140903"/>
                  <a:gd name="connsiteY3" fmla="*/ 0 h 453224"/>
                  <a:gd name="connsiteX0" fmla="*/ 98595 w 143653"/>
                  <a:gd name="connsiteY0" fmla="*/ 0 h 453224"/>
                  <a:gd name="connsiteX1" fmla="*/ 143653 w 143653"/>
                  <a:gd name="connsiteY1" fmla="*/ 145774 h 453224"/>
                  <a:gd name="connsiteX2" fmla="*/ 27034 w 143653"/>
                  <a:gd name="connsiteY2" fmla="*/ 453224 h 453224"/>
                  <a:gd name="connsiteX3" fmla="*/ 98595 w 143653"/>
                  <a:gd name="connsiteY3" fmla="*/ 0 h 45322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653" h="453224">
                    <a:moveTo>
                      <a:pt x="98595" y="0"/>
                    </a:moveTo>
                    <a:lnTo>
                      <a:pt x="143653" y="145774"/>
                    </a:lnTo>
                    <a:cubicBezTo>
                      <a:pt x="38518" y="232356"/>
                      <a:pt x="50005" y="387847"/>
                      <a:pt x="27034" y="453224"/>
                    </a:cubicBezTo>
                    <a:cubicBezTo>
                      <a:pt x="5831" y="365759"/>
                      <a:pt x="-47179" y="100716"/>
                      <a:pt x="98595" y="0"/>
                    </a:cubicBezTo>
                    <a:close/>
                  </a:path>
                </a:pathLst>
              </a:cu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33" name="자유형: 도형 32">
                <a:extLst>
                  <a:ext uri="{FF2B5EF4-FFF2-40B4-BE49-F238E27FC236}">
                    <a16:creationId xmlns:a16="http://schemas.microsoft.com/office/drawing/2014/main" id="{4E2EBBBA-5F6E-4A7C-B230-6E02F5B0DE65}"/>
                  </a:ext>
                </a:extLst>
              </p:cNvPr>
              <p:cNvSpPr/>
              <p:nvPr userDrawn="1"/>
            </p:nvSpPr>
            <p:spPr>
              <a:xfrm flipH="1">
                <a:off x="5807099" y="-1556"/>
                <a:ext cx="143653" cy="453224"/>
              </a:xfrm>
              <a:custGeom>
                <a:avLst/>
                <a:gdLst>
                  <a:gd name="connsiteX0" fmla="*/ 71561 w 116619"/>
                  <a:gd name="connsiteY0" fmla="*/ 0 h 453224"/>
                  <a:gd name="connsiteX1" fmla="*/ 116619 w 116619"/>
                  <a:gd name="connsiteY1" fmla="*/ 145774 h 453224"/>
                  <a:gd name="connsiteX2" fmla="*/ 0 w 116619"/>
                  <a:gd name="connsiteY2" fmla="*/ 453224 h 453224"/>
                  <a:gd name="connsiteX3" fmla="*/ 71561 w 116619"/>
                  <a:gd name="connsiteY3" fmla="*/ 0 h 453224"/>
                  <a:gd name="connsiteX0" fmla="*/ 78782 w 123840"/>
                  <a:gd name="connsiteY0" fmla="*/ 0 h 453224"/>
                  <a:gd name="connsiteX1" fmla="*/ 123840 w 123840"/>
                  <a:gd name="connsiteY1" fmla="*/ 145774 h 453224"/>
                  <a:gd name="connsiteX2" fmla="*/ 7221 w 123840"/>
                  <a:gd name="connsiteY2" fmla="*/ 453224 h 453224"/>
                  <a:gd name="connsiteX3" fmla="*/ 78782 w 123840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5845 w 140903"/>
                  <a:gd name="connsiteY0" fmla="*/ 0 h 453224"/>
                  <a:gd name="connsiteX1" fmla="*/ 140903 w 140903"/>
                  <a:gd name="connsiteY1" fmla="*/ 145774 h 453224"/>
                  <a:gd name="connsiteX2" fmla="*/ 24284 w 140903"/>
                  <a:gd name="connsiteY2" fmla="*/ 453224 h 453224"/>
                  <a:gd name="connsiteX3" fmla="*/ 95845 w 140903"/>
                  <a:gd name="connsiteY3" fmla="*/ 0 h 453224"/>
                  <a:gd name="connsiteX0" fmla="*/ 98595 w 143653"/>
                  <a:gd name="connsiteY0" fmla="*/ 0 h 453224"/>
                  <a:gd name="connsiteX1" fmla="*/ 143653 w 143653"/>
                  <a:gd name="connsiteY1" fmla="*/ 145774 h 453224"/>
                  <a:gd name="connsiteX2" fmla="*/ 27034 w 143653"/>
                  <a:gd name="connsiteY2" fmla="*/ 453224 h 453224"/>
                  <a:gd name="connsiteX3" fmla="*/ 98595 w 143653"/>
                  <a:gd name="connsiteY3" fmla="*/ 0 h 45322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653" h="453224">
                    <a:moveTo>
                      <a:pt x="98595" y="0"/>
                    </a:moveTo>
                    <a:lnTo>
                      <a:pt x="143653" y="145774"/>
                    </a:lnTo>
                    <a:cubicBezTo>
                      <a:pt x="38518" y="232356"/>
                      <a:pt x="50005" y="387847"/>
                      <a:pt x="27034" y="453224"/>
                    </a:cubicBezTo>
                    <a:cubicBezTo>
                      <a:pt x="5831" y="365759"/>
                      <a:pt x="-47179" y="100716"/>
                      <a:pt x="98595" y="0"/>
                    </a:cubicBezTo>
                    <a:close/>
                  </a:path>
                </a:pathLst>
              </a:cu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</p:grpSp>
      </p:grpSp>
      <p:sp>
        <p:nvSpPr>
          <p:cNvPr id="10" name="Text Placeholder 9"/>
          <p:cNvSpPr>
            <a:spLocks noGrp="1"/>
          </p:cNvSpPr>
          <p:nvPr userDrawn="1">
            <p:ph type="body" sz="quarter" idx="10" hasCustomPrompt="1"/>
          </p:nvPr>
        </p:nvSpPr>
        <p:spPr>
          <a:xfrm>
            <a:off x="323528" y="2787774"/>
            <a:ext cx="3816424" cy="1080121"/>
          </a:xfrm>
          <a:prstGeom prst="rect">
            <a:avLst/>
          </a:prstGeom>
        </p:spPr>
        <p:txBody>
          <a:bodyPr anchor="ctr"/>
          <a:lstStyle>
            <a:lvl1pPr marL="0" indent="0" algn="l">
              <a:lnSpc>
                <a:spcPct val="80000"/>
              </a:lnSpc>
              <a:buNone/>
              <a:defRPr sz="3600" b="1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dirty="0">
                <a:ea typeface="맑은 고딕" pitchFamily="50" charset="-127"/>
              </a:rPr>
              <a:t>FREE PPT </a:t>
            </a:r>
          </a:p>
          <a:p>
            <a:pPr fontAlgn="auto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dirty="0">
                <a:ea typeface="맑은 고딕" pitchFamily="50" charset="-127"/>
              </a:rPr>
              <a:t>TEMPLATES</a:t>
            </a:r>
            <a:endParaRPr lang="en-US" altLang="ko-KR" b="1" dirty="0">
              <a:solidFill>
                <a:schemeClr val="tx1">
                  <a:lumMod val="75000"/>
                  <a:lumOff val="25000"/>
                </a:schemeClr>
              </a:solidFill>
            </a:endParaRPr>
          </a:p>
        </p:txBody>
      </p:sp>
      <p:sp>
        <p:nvSpPr>
          <p:cNvPr id="11" name="Text Placeholder 9"/>
          <p:cNvSpPr>
            <a:spLocks noGrp="1"/>
          </p:cNvSpPr>
          <p:nvPr userDrawn="1">
            <p:ph type="body" sz="quarter" idx="11" hasCustomPrompt="1"/>
          </p:nvPr>
        </p:nvSpPr>
        <p:spPr>
          <a:xfrm>
            <a:off x="323380" y="3867894"/>
            <a:ext cx="3816424" cy="504056"/>
          </a:xfrm>
          <a:prstGeom prst="rect">
            <a:avLst/>
          </a:prstGeom>
        </p:spPr>
        <p:txBody>
          <a:bodyPr anchor="ctr"/>
          <a:lstStyle>
            <a:lvl1pPr marL="0" indent="0" algn="l">
              <a:buNone/>
              <a:defRPr sz="14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b="1" dirty="0"/>
              <a:t>INSERT THE TITLE </a:t>
            </a:r>
          </a:p>
          <a:p>
            <a:pPr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altLang="ko-KR" b="1" dirty="0"/>
              <a:t>OF YOUR PRESENTATION HERE    </a:t>
            </a:r>
          </a:p>
        </p:txBody>
      </p:sp>
      <p:sp>
        <p:nvSpPr>
          <p:cNvPr id="6" name="Rectangle 5"/>
          <p:cNvSpPr/>
          <p:nvPr userDrawn="1"/>
        </p:nvSpPr>
        <p:spPr>
          <a:xfrm>
            <a:off x="0" y="4731990"/>
            <a:ext cx="9144000" cy="41151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l"/>
            <a:endParaRPr lang="ko-KR" altLang="en-US"/>
          </a:p>
        </p:txBody>
      </p:sp>
    </p:spTree>
    <p:extLst>
      <p:ext uri="{BB962C8B-B14F-4D97-AF65-F5344CB8AC3E}">
        <p14:creationId xmlns:p14="http://schemas.microsoft.com/office/powerpoint/2010/main" val="41627365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Images and Contents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23478"/>
            <a:ext cx="9144000" cy="576064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36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MAGES &amp; CONTENTS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699542"/>
            <a:ext cx="9144000" cy="288032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4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  <p:pic>
        <p:nvPicPr>
          <p:cNvPr id="5123" name="Picture 3" descr="D:\Fullppt\005-PNG이미지\노트북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828600" y="987574"/>
            <a:ext cx="6438182" cy="327456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Rectangle 5"/>
          <p:cNvSpPr/>
          <p:nvPr userDrawn="1"/>
        </p:nvSpPr>
        <p:spPr>
          <a:xfrm>
            <a:off x="233772" y="4262137"/>
            <a:ext cx="8676456" cy="541861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sp>
        <p:nvSpPr>
          <p:cNvPr id="7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910339" y="1404993"/>
            <a:ext cx="3085597" cy="2281868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330919271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_Images and Contents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그림 개체 틀 10">
            <a:extLst>
              <a:ext uri="{FF2B5EF4-FFF2-40B4-BE49-F238E27FC236}">
                <a16:creationId xmlns:a16="http://schemas.microsoft.com/office/drawing/2014/main" id="{24943D91-C407-41C1-8574-76661B571395}"/>
              </a:ext>
            </a:extLst>
          </p:cNvPr>
          <p:cNvSpPr>
            <a:spLocks noGrp="1"/>
          </p:cNvSpPr>
          <p:nvPr>
            <p:ph type="pic" idx="1" hasCustomPrompt="1"/>
          </p:nvPr>
        </p:nvSpPr>
        <p:spPr>
          <a:xfrm>
            <a:off x="5148065" y="1431235"/>
            <a:ext cx="2568434" cy="2280270"/>
          </a:xfrm>
          <a:custGeom>
            <a:avLst/>
            <a:gdLst>
              <a:gd name="connsiteX0" fmla="*/ 125450 w 2568434"/>
              <a:gd name="connsiteY0" fmla="*/ 111684 h 2280270"/>
              <a:gd name="connsiteX1" fmla="*/ 2442984 w 2568434"/>
              <a:gd name="connsiteY1" fmla="*/ 111684 h 2280270"/>
              <a:gd name="connsiteX2" fmla="*/ 2442984 w 2568434"/>
              <a:gd name="connsiteY2" fmla="*/ 2168586 h 2280270"/>
              <a:gd name="connsiteX3" fmla="*/ 125450 w 2568434"/>
              <a:gd name="connsiteY3" fmla="*/ 2168586 h 2280270"/>
              <a:gd name="connsiteX4" fmla="*/ 96085 w 2568434"/>
              <a:gd name="connsiteY4" fmla="*/ 82319 h 2280270"/>
              <a:gd name="connsiteX5" fmla="*/ 96085 w 2568434"/>
              <a:gd name="connsiteY5" fmla="*/ 2197951 h 2280270"/>
              <a:gd name="connsiteX6" fmla="*/ 2472349 w 2568434"/>
              <a:gd name="connsiteY6" fmla="*/ 2197951 h 2280270"/>
              <a:gd name="connsiteX7" fmla="*/ 2472349 w 2568434"/>
              <a:gd name="connsiteY7" fmla="*/ 82319 h 2280270"/>
              <a:gd name="connsiteX8" fmla="*/ 0 w 2568434"/>
              <a:gd name="connsiteY8" fmla="*/ 0 h 2280270"/>
              <a:gd name="connsiteX9" fmla="*/ 2568434 w 2568434"/>
              <a:gd name="connsiteY9" fmla="*/ 0 h 2280270"/>
              <a:gd name="connsiteX10" fmla="*/ 2568434 w 2568434"/>
              <a:gd name="connsiteY10" fmla="*/ 2280270 h 2280270"/>
              <a:gd name="connsiteX11" fmla="*/ 0 w 2568434"/>
              <a:gd name="connsiteY11" fmla="*/ 2280270 h 228027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</a:cxnLst>
            <a:rect l="l" t="t" r="r" b="b"/>
            <a:pathLst>
              <a:path w="2568434" h="2280270">
                <a:moveTo>
                  <a:pt x="125450" y="111684"/>
                </a:moveTo>
                <a:lnTo>
                  <a:pt x="2442984" y="111684"/>
                </a:lnTo>
                <a:lnTo>
                  <a:pt x="2442984" y="2168586"/>
                </a:lnTo>
                <a:lnTo>
                  <a:pt x="125450" y="2168586"/>
                </a:lnTo>
                <a:close/>
                <a:moveTo>
                  <a:pt x="96085" y="82319"/>
                </a:moveTo>
                <a:lnTo>
                  <a:pt x="96085" y="2197951"/>
                </a:lnTo>
                <a:lnTo>
                  <a:pt x="2472349" y="2197951"/>
                </a:lnTo>
                <a:lnTo>
                  <a:pt x="2472349" y="82319"/>
                </a:lnTo>
                <a:close/>
                <a:moveTo>
                  <a:pt x="0" y="0"/>
                </a:moveTo>
                <a:lnTo>
                  <a:pt x="2568434" y="0"/>
                </a:lnTo>
                <a:lnTo>
                  <a:pt x="2568434" y="2280270"/>
                </a:lnTo>
                <a:lnTo>
                  <a:pt x="0" y="2280270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wrap="square" anchor="ctr">
            <a:noAutofit/>
          </a:bodyPr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3" name="그림 개체 틀 12">
            <a:extLst>
              <a:ext uri="{FF2B5EF4-FFF2-40B4-BE49-F238E27FC236}">
                <a16:creationId xmlns:a16="http://schemas.microsoft.com/office/drawing/2014/main" id="{D19E2BEF-0357-4B60-8F97-1B4CBD18E02A}"/>
              </a:ext>
            </a:extLst>
          </p:cNvPr>
          <p:cNvSpPr>
            <a:spLocks noGrp="1"/>
          </p:cNvSpPr>
          <p:nvPr>
            <p:ph type="pic" idx="10" hasCustomPrompt="1"/>
          </p:nvPr>
        </p:nvSpPr>
        <p:spPr>
          <a:xfrm>
            <a:off x="7704000" y="3703500"/>
            <a:ext cx="1440000" cy="1440000"/>
          </a:xfrm>
          <a:custGeom>
            <a:avLst/>
            <a:gdLst>
              <a:gd name="connsiteX0" fmla="*/ 125363 w 1440000"/>
              <a:gd name="connsiteY0" fmla="*/ 124056 h 1440000"/>
              <a:gd name="connsiteX1" fmla="*/ 1314637 w 1440000"/>
              <a:gd name="connsiteY1" fmla="*/ 124056 h 1440000"/>
              <a:gd name="connsiteX2" fmla="*/ 1314637 w 1440000"/>
              <a:gd name="connsiteY2" fmla="*/ 1315945 h 1440000"/>
              <a:gd name="connsiteX3" fmla="*/ 125363 w 1440000"/>
              <a:gd name="connsiteY3" fmla="*/ 1315945 h 1440000"/>
              <a:gd name="connsiteX4" fmla="*/ 92030 w 1440000"/>
              <a:gd name="connsiteY4" fmla="*/ 90723 h 1440000"/>
              <a:gd name="connsiteX5" fmla="*/ 92030 w 1440000"/>
              <a:gd name="connsiteY5" fmla="*/ 1349278 h 1440000"/>
              <a:gd name="connsiteX6" fmla="*/ 1347970 w 1440000"/>
              <a:gd name="connsiteY6" fmla="*/ 1349278 h 1440000"/>
              <a:gd name="connsiteX7" fmla="*/ 1347970 w 1440000"/>
              <a:gd name="connsiteY7" fmla="*/ 90723 h 1440000"/>
              <a:gd name="connsiteX8" fmla="*/ 0 w 1440000"/>
              <a:gd name="connsiteY8" fmla="*/ 0 h 1440000"/>
              <a:gd name="connsiteX9" fmla="*/ 1440000 w 1440000"/>
              <a:gd name="connsiteY9" fmla="*/ 0 h 1440000"/>
              <a:gd name="connsiteX10" fmla="*/ 1440000 w 1440000"/>
              <a:gd name="connsiteY10" fmla="*/ 1440000 h 1440000"/>
              <a:gd name="connsiteX11" fmla="*/ 0 w 1440000"/>
              <a:gd name="connsiteY11" fmla="*/ 1440000 h 1440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</a:cxnLst>
            <a:rect l="l" t="t" r="r" b="b"/>
            <a:pathLst>
              <a:path w="1440000" h="1440000">
                <a:moveTo>
                  <a:pt x="125363" y="124056"/>
                </a:moveTo>
                <a:lnTo>
                  <a:pt x="1314637" y="124056"/>
                </a:lnTo>
                <a:lnTo>
                  <a:pt x="1314637" y="1315945"/>
                </a:lnTo>
                <a:lnTo>
                  <a:pt x="125363" y="1315945"/>
                </a:lnTo>
                <a:close/>
                <a:moveTo>
                  <a:pt x="92030" y="90723"/>
                </a:moveTo>
                <a:lnTo>
                  <a:pt x="92030" y="1349278"/>
                </a:lnTo>
                <a:lnTo>
                  <a:pt x="1347970" y="1349278"/>
                </a:lnTo>
                <a:lnTo>
                  <a:pt x="1347970" y="90723"/>
                </a:lnTo>
                <a:close/>
                <a:moveTo>
                  <a:pt x="0" y="0"/>
                </a:moveTo>
                <a:lnTo>
                  <a:pt x="1440000" y="0"/>
                </a:lnTo>
                <a:lnTo>
                  <a:pt x="1440000" y="1440000"/>
                </a:lnTo>
                <a:lnTo>
                  <a:pt x="0" y="1440000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wrap="square" anchor="ctr">
            <a:noAutofit/>
          </a:bodyPr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2" name="그림 개체 틀 11">
            <a:extLst>
              <a:ext uri="{FF2B5EF4-FFF2-40B4-BE49-F238E27FC236}">
                <a16:creationId xmlns:a16="http://schemas.microsoft.com/office/drawing/2014/main" id="{C69723CC-367A-47C2-9C98-4E37F9539DBD}"/>
              </a:ext>
            </a:extLst>
          </p:cNvPr>
          <p:cNvSpPr>
            <a:spLocks noGrp="1"/>
          </p:cNvSpPr>
          <p:nvPr>
            <p:ph type="pic" idx="11" hasCustomPrompt="1"/>
          </p:nvPr>
        </p:nvSpPr>
        <p:spPr>
          <a:xfrm>
            <a:off x="3708064" y="0"/>
            <a:ext cx="1440000" cy="1440000"/>
          </a:xfrm>
          <a:custGeom>
            <a:avLst/>
            <a:gdLst>
              <a:gd name="connsiteX0" fmla="*/ 125363 w 1440000"/>
              <a:gd name="connsiteY0" fmla="*/ 124056 h 1440000"/>
              <a:gd name="connsiteX1" fmla="*/ 1314637 w 1440000"/>
              <a:gd name="connsiteY1" fmla="*/ 124056 h 1440000"/>
              <a:gd name="connsiteX2" fmla="*/ 1314637 w 1440000"/>
              <a:gd name="connsiteY2" fmla="*/ 1315945 h 1440000"/>
              <a:gd name="connsiteX3" fmla="*/ 125363 w 1440000"/>
              <a:gd name="connsiteY3" fmla="*/ 1315945 h 1440000"/>
              <a:gd name="connsiteX4" fmla="*/ 92030 w 1440000"/>
              <a:gd name="connsiteY4" fmla="*/ 90723 h 1440000"/>
              <a:gd name="connsiteX5" fmla="*/ 92030 w 1440000"/>
              <a:gd name="connsiteY5" fmla="*/ 1349278 h 1440000"/>
              <a:gd name="connsiteX6" fmla="*/ 1347970 w 1440000"/>
              <a:gd name="connsiteY6" fmla="*/ 1349278 h 1440000"/>
              <a:gd name="connsiteX7" fmla="*/ 1347970 w 1440000"/>
              <a:gd name="connsiteY7" fmla="*/ 90723 h 1440000"/>
              <a:gd name="connsiteX8" fmla="*/ 0 w 1440000"/>
              <a:gd name="connsiteY8" fmla="*/ 0 h 1440000"/>
              <a:gd name="connsiteX9" fmla="*/ 1440000 w 1440000"/>
              <a:gd name="connsiteY9" fmla="*/ 0 h 1440000"/>
              <a:gd name="connsiteX10" fmla="*/ 1440000 w 1440000"/>
              <a:gd name="connsiteY10" fmla="*/ 1440000 h 1440000"/>
              <a:gd name="connsiteX11" fmla="*/ 0 w 1440000"/>
              <a:gd name="connsiteY11" fmla="*/ 1440000 h 14400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</a:cxnLst>
            <a:rect l="l" t="t" r="r" b="b"/>
            <a:pathLst>
              <a:path w="1440000" h="1440000">
                <a:moveTo>
                  <a:pt x="125363" y="124056"/>
                </a:moveTo>
                <a:lnTo>
                  <a:pt x="1314637" y="124056"/>
                </a:lnTo>
                <a:lnTo>
                  <a:pt x="1314637" y="1315945"/>
                </a:lnTo>
                <a:lnTo>
                  <a:pt x="125363" y="1315945"/>
                </a:lnTo>
                <a:close/>
                <a:moveTo>
                  <a:pt x="92030" y="90723"/>
                </a:moveTo>
                <a:lnTo>
                  <a:pt x="92030" y="1349278"/>
                </a:lnTo>
                <a:lnTo>
                  <a:pt x="1347970" y="1349278"/>
                </a:lnTo>
                <a:lnTo>
                  <a:pt x="1347970" y="90723"/>
                </a:lnTo>
                <a:close/>
                <a:moveTo>
                  <a:pt x="0" y="0"/>
                </a:moveTo>
                <a:lnTo>
                  <a:pt x="1440000" y="0"/>
                </a:lnTo>
                <a:lnTo>
                  <a:pt x="1440000" y="1440000"/>
                </a:lnTo>
                <a:lnTo>
                  <a:pt x="0" y="1440000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wrap="square" anchor="ctr">
            <a:noAutofit/>
          </a:bodyPr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154543540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5_Images and Contents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0" y="-1"/>
            <a:ext cx="9144000" cy="3076575"/>
          </a:xfrm>
          <a:prstGeom prst="rect">
            <a:avLst/>
          </a:prstGeom>
          <a:solidFill>
            <a:schemeClr val="bg1">
              <a:lumMod val="8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57886162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6_Images and Contents Layout">
    <p:bg>
      <p:bgPr>
        <a:solidFill>
          <a:srgbClr val="FFCE29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0" y="-1"/>
            <a:ext cx="9144000" cy="5143501"/>
          </a:xfrm>
          <a:prstGeom prst="rect">
            <a:avLst/>
          </a:prstGeom>
          <a:solidFill>
            <a:schemeClr val="bg1">
              <a:lumMod val="8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23478"/>
            <a:ext cx="9144000" cy="576064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36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MAGES &amp; CONTENTS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699542"/>
            <a:ext cx="9144000" cy="288032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4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26395978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7_Images and Contents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0" y="-1"/>
            <a:ext cx="4572000" cy="514350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57904899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8_Images and Contents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그림 개체 틀 11">
            <a:extLst>
              <a:ext uri="{FF2B5EF4-FFF2-40B4-BE49-F238E27FC236}">
                <a16:creationId xmlns:a16="http://schemas.microsoft.com/office/drawing/2014/main" id="{BC15B180-CBF0-499C-A764-95FA7614ACA6}"/>
              </a:ext>
            </a:extLst>
          </p:cNvPr>
          <p:cNvSpPr>
            <a:spLocks noGrp="1"/>
          </p:cNvSpPr>
          <p:nvPr>
            <p:ph type="pic" idx="1" hasCustomPrompt="1"/>
          </p:nvPr>
        </p:nvSpPr>
        <p:spPr>
          <a:xfrm>
            <a:off x="6984000" y="-1"/>
            <a:ext cx="2160000" cy="5143501"/>
          </a:xfrm>
          <a:custGeom>
            <a:avLst/>
            <a:gdLst>
              <a:gd name="connsiteX0" fmla="*/ 0 w 2160000"/>
              <a:gd name="connsiteY0" fmla="*/ 1425596 h 5143501"/>
              <a:gd name="connsiteX1" fmla="*/ 651889 w 2160000"/>
              <a:gd name="connsiteY1" fmla="*/ 2077485 h 5143501"/>
              <a:gd name="connsiteX2" fmla="*/ 0 w 2160000"/>
              <a:gd name="connsiteY2" fmla="*/ 2729373 h 5143501"/>
              <a:gd name="connsiteX3" fmla="*/ 0 w 2160000"/>
              <a:gd name="connsiteY3" fmla="*/ 0 h 5143501"/>
              <a:gd name="connsiteX4" fmla="*/ 2160000 w 2160000"/>
              <a:gd name="connsiteY4" fmla="*/ 0 h 5143501"/>
              <a:gd name="connsiteX5" fmla="*/ 2160000 w 2160000"/>
              <a:gd name="connsiteY5" fmla="*/ 5143501 h 5143501"/>
              <a:gd name="connsiteX6" fmla="*/ 0 w 2160000"/>
              <a:gd name="connsiteY6" fmla="*/ 5143501 h 5143501"/>
              <a:gd name="connsiteX7" fmla="*/ 0 w 2160000"/>
              <a:gd name="connsiteY7" fmla="*/ 2856759 h 5143501"/>
              <a:gd name="connsiteX8" fmla="*/ 779274 w 2160000"/>
              <a:gd name="connsiteY8" fmla="*/ 2077485 h 5143501"/>
              <a:gd name="connsiteX9" fmla="*/ 0 w 2160000"/>
              <a:gd name="connsiteY9" fmla="*/ 1298211 h 514350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</a:cxnLst>
            <a:rect l="l" t="t" r="r" b="b"/>
            <a:pathLst>
              <a:path w="2160000" h="5143501">
                <a:moveTo>
                  <a:pt x="0" y="1425596"/>
                </a:moveTo>
                <a:lnTo>
                  <a:pt x="651889" y="2077485"/>
                </a:lnTo>
                <a:lnTo>
                  <a:pt x="0" y="2729373"/>
                </a:lnTo>
                <a:close/>
                <a:moveTo>
                  <a:pt x="0" y="0"/>
                </a:moveTo>
                <a:lnTo>
                  <a:pt x="2160000" y="0"/>
                </a:lnTo>
                <a:lnTo>
                  <a:pt x="2160000" y="5143501"/>
                </a:lnTo>
                <a:lnTo>
                  <a:pt x="0" y="5143501"/>
                </a:lnTo>
                <a:lnTo>
                  <a:pt x="0" y="2856759"/>
                </a:lnTo>
                <a:lnTo>
                  <a:pt x="779274" y="2077485"/>
                </a:lnTo>
                <a:lnTo>
                  <a:pt x="0" y="1298211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wrap="square" anchor="ctr">
            <a:noAutofit/>
          </a:bodyPr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4" name="그림 개체 틀 13">
            <a:extLst>
              <a:ext uri="{FF2B5EF4-FFF2-40B4-BE49-F238E27FC236}">
                <a16:creationId xmlns:a16="http://schemas.microsoft.com/office/drawing/2014/main" id="{1FA03D3A-E0EA-4B8F-B538-58CE5D4DB322}"/>
              </a:ext>
            </a:extLst>
          </p:cNvPr>
          <p:cNvSpPr>
            <a:spLocks noGrp="1"/>
          </p:cNvSpPr>
          <p:nvPr>
            <p:ph type="pic" idx="12" hasCustomPrompt="1"/>
          </p:nvPr>
        </p:nvSpPr>
        <p:spPr>
          <a:xfrm>
            <a:off x="4734004" y="2131318"/>
            <a:ext cx="2160000" cy="3012182"/>
          </a:xfrm>
          <a:custGeom>
            <a:avLst/>
            <a:gdLst>
              <a:gd name="connsiteX0" fmla="*/ 1563187 w 2160000"/>
              <a:gd name="connsiteY0" fmla="*/ 0 h 3012182"/>
              <a:gd name="connsiteX1" fmla="*/ 2160000 w 2160000"/>
              <a:gd name="connsiteY1" fmla="*/ 0 h 3012182"/>
              <a:gd name="connsiteX2" fmla="*/ 2160000 w 2160000"/>
              <a:gd name="connsiteY2" fmla="*/ 596813 h 3012182"/>
              <a:gd name="connsiteX3" fmla="*/ 0 w 2160000"/>
              <a:gd name="connsiteY3" fmla="*/ 0 h 3012182"/>
              <a:gd name="connsiteX4" fmla="*/ 1435802 w 2160000"/>
              <a:gd name="connsiteY4" fmla="*/ 0 h 3012182"/>
              <a:gd name="connsiteX5" fmla="*/ 2160000 w 2160000"/>
              <a:gd name="connsiteY5" fmla="*/ 724199 h 3012182"/>
              <a:gd name="connsiteX6" fmla="*/ 2160000 w 2160000"/>
              <a:gd name="connsiteY6" fmla="*/ 3012182 h 3012182"/>
              <a:gd name="connsiteX7" fmla="*/ 0 w 2160000"/>
              <a:gd name="connsiteY7" fmla="*/ 3012182 h 301218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2160000" h="3012182">
                <a:moveTo>
                  <a:pt x="1563187" y="0"/>
                </a:moveTo>
                <a:lnTo>
                  <a:pt x="2160000" y="0"/>
                </a:lnTo>
                <a:lnTo>
                  <a:pt x="2160000" y="596813"/>
                </a:lnTo>
                <a:close/>
                <a:moveTo>
                  <a:pt x="0" y="0"/>
                </a:moveTo>
                <a:lnTo>
                  <a:pt x="1435802" y="0"/>
                </a:lnTo>
                <a:lnTo>
                  <a:pt x="2160000" y="724199"/>
                </a:lnTo>
                <a:lnTo>
                  <a:pt x="2160000" y="3012182"/>
                </a:lnTo>
                <a:lnTo>
                  <a:pt x="0" y="3012182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wrap="square" anchor="ctr">
            <a:noAutofit/>
          </a:bodyPr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3492000" y="2131318"/>
            <a:ext cx="1152008" cy="3012182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3" name="그림 개체 틀 12">
            <a:extLst>
              <a:ext uri="{FF2B5EF4-FFF2-40B4-BE49-F238E27FC236}">
                <a16:creationId xmlns:a16="http://schemas.microsoft.com/office/drawing/2014/main" id="{1EBCCB12-3AC7-4A57-8E11-5324E7CB7D04}"/>
              </a:ext>
            </a:extLst>
          </p:cNvPr>
          <p:cNvSpPr>
            <a:spLocks noGrp="1"/>
          </p:cNvSpPr>
          <p:nvPr>
            <p:ph type="pic" idx="14" hasCustomPrompt="1"/>
          </p:nvPr>
        </p:nvSpPr>
        <p:spPr>
          <a:xfrm>
            <a:off x="3492000" y="-1"/>
            <a:ext cx="3393830" cy="2043485"/>
          </a:xfrm>
          <a:custGeom>
            <a:avLst/>
            <a:gdLst>
              <a:gd name="connsiteX0" fmla="*/ 3393830 w 3393830"/>
              <a:gd name="connsiteY0" fmla="*/ 1435011 h 2043485"/>
              <a:gd name="connsiteX1" fmla="*/ 3393830 w 3393830"/>
              <a:gd name="connsiteY1" fmla="*/ 2043485 h 2043485"/>
              <a:gd name="connsiteX2" fmla="*/ 2785356 w 3393830"/>
              <a:gd name="connsiteY2" fmla="*/ 2043485 h 2043485"/>
              <a:gd name="connsiteX3" fmla="*/ 0 w 3393830"/>
              <a:gd name="connsiteY3" fmla="*/ 0 h 2043485"/>
              <a:gd name="connsiteX4" fmla="*/ 3393830 w 3393830"/>
              <a:gd name="connsiteY4" fmla="*/ 0 h 2043485"/>
              <a:gd name="connsiteX5" fmla="*/ 3393830 w 3393830"/>
              <a:gd name="connsiteY5" fmla="*/ 1307626 h 2043485"/>
              <a:gd name="connsiteX6" fmla="*/ 2657971 w 3393830"/>
              <a:gd name="connsiteY6" fmla="*/ 2043485 h 2043485"/>
              <a:gd name="connsiteX7" fmla="*/ 0 w 3393830"/>
              <a:gd name="connsiteY7" fmla="*/ 2043485 h 2043485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393830" h="2043485">
                <a:moveTo>
                  <a:pt x="3393830" y="1435011"/>
                </a:moveTo>
                <a:lnTo>
                  <a:pt x="3393830" y="2043485"/>
                </a:lnTo>
                <a:lnTo>
                  <a:pt x="2785356" y="2043485"/>
                </a:lnTo>
                <a:close/>
                <a:moveTo>
                  <a:pt x="0" y="0"/>
                </a:moveTo>
                <a:lnTo>
                  <a:pt x="3393830" y="0"/>
                </a:lnTo>
                <a:lnTo>
                  <a:pt x="3393830" y="1307626"/>
                </a:lnTo>
                <a:lnTo>
                  <a:pt x="2657971" y="2043485"/>
                </a:lnTo>
                <a:lnTo>
                  <a:pt x="0" y="2043485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wrap="square" anchor="ctr">
            <a:noAutofit/>
          </a:bodyPr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5587796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9_Images and Contents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그림 개체 틀 23">
            <a:extLst>
              <a:ext uri="{FF2B5EF4-FFF2-40B4-BE49-F238E27FC236}">
                <a16:creationId xmlns:a16="http://schemas.microsoft.com/office/drawing/2014/main" id="{6F099B2E-9C61-4C91-AB24-AB7B70E2D2E0}"/>
              </a:ext>
            </a:extLst>
          </p:cNvPr>
          <p:cNvSpPr>
            <a:spLocks noGrp="1"/>
          </p:cNvSpPr>
          <p:nvPr>
            <p:ph type="pic" idx="18" hasCustomPrompt="1"/>
          </p:nvPr>
        </p:nvSpPr>
        <p:spPr>
          <a:xfrm>
            <a:off x="7301328" y="1495130"/>
            <a:ext cx="1840931" cy="3649326"/>
          </a:xfrm>
          <a:custGeom>
            <a:avLst/>
            <a:gdLst>
              <a:gd name="connsiteX0" fmla="*/ 540722 w 1840931"/>
              <a:gd name="connsiteY0" fmla="*/ 1288720 h 3649326"/>
              <a:gd name="connsiteX1" fmla="*/ 1084110 w 1840931"/>
              <a:gd name="connsiteY1" fmla="*/ 1832108 h 3649326"/>
              <a:gd name="connsiteX2" fmla="*/ 548200 w 1840931"/>
              <a:gd name="connsiteY2" fmla="*/ 2368018 h 3649326"/>
              <a:gd name="connsiteX3" fmla="*/ 0 w 1840931"/>
              <a:gd name="connsiteY3" fmla="*/ 1824663 h 3649326"/>
              <a:gd name="connsiteX4" fmla="*/ 1840931 w 1840931"/>
              <a:gd name="connsiteY4" fmla="*/ 0 h 3649326"/>
              <a:gd name="connsiteX5" fmla="*/ 1840931 w 1840931"/>
              <a:gd name="connsiteY5" fmla="*/ 3649326 h 3649326"/>
              <a:gd name="connsiteX6" fmla="*/ 609809 w 1840931"/>
              <a:gd name="connsiteY6" fmla="*/ 2429083 h 3649326"/>
              <a:gd name="connsiteX7" fmla="*/ 1206783 w 1840931"/>
              <a:gd name="connsiteY7" fmla="*/ 1832108 h 3649326"/>
              <a:gd name="connsiteX8" fmla="*/ 602331 w 1840931"/>
              <a:gd name="connsiteY8" fmla="*/ 1227655 h 364932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840931" h="3649326">
                <a:moveTo>
                  <a:pt x="540722" y="1288720"/>
                </a:moveTo>
                <a:lnTo>
                  <a:pt x="1084110" y="1832108"/>
                </a:lnTo>
                <a:lnTo>
                  <a:pt x="548200" y="2368018"/>
                </a:lnTo>
                <a:lnTo>
                  <a:pt x="0" y="1824663"/>
                </a:lnTo>
                <a:close/>
                <a:moveTo>
                  <a:pt x="1840931" y="0"/>
                </a:moveTo>
                <a:lnTo>
                  <a:pt x="1840931" y="3649326"/>
                </a:lnTo>
                <a:lnTo>
                  <a:pt x="609809" y="2429083"/>
                </a:lnTo>
                <a:lnTo>
                  <a:pt x="1206783" y="1832108"/>
                </a:lnTo>
                <a:lnTo>
                  <a:pt x="602331" y="1227655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wrap="square" anchor="ctr">
            <a:noAutofit/>
          </a:bodyPr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23" name="그림 개체 틀 22">
            <a:extLst>
              <a:ext uri="{FF2B5EF4-FFF2-40B4-BE49-F238E27FC236}">
                <a16:creationId xmlns:a16="http://schemas.microsoft.com/office/drawing/2014/main" id="{02450FB2-6A00-42CF-B869-69B7A802C2C5}"/>
              </a:ext>
            </a:extLst>
          </p:cNvPr>
          <p:cNvSpPr>
            <a:spLocks noGrp="1"/>
          </p:cNvSpPr>
          <p:nvPr>
            <p:ph type="pic" idx="19" hasCustomPrompt="1"/>
          </p:nvPr>
        </p:nvSpPr>
        <p:spPr>
          <a:xfrm>
            <a:off x="5476381" y="3386021"/>
            <a:ext cx="3530788" cy="1769004"/>
          </a:xfrm>
          <a:custGeom>
            <a:avLst/>
            <a:gdLst>
              <a:gd name="connsiteX0" fmla="*/ 2368610 w 3530788"/>
              <a:gd name="connsiteY0" fmla="*/ 604337 h 1769004"/>
              <a:gd name="connsiteX1" fmla="*/ 3530788 w 3530788"/>
              <a:gd name="connsiteY1" fmla="*/ 1761052 h 1769004"/>
              <a:gd name="connsiteX2" fmla="*/ 0 w 3530788"/>
              <a:gd name="connsiteY2" fmla="*/ 1769004 h 1769004"/>
              <a:gd name="connsiteX3" fmla="*/ 1159186 w 3530788"/>
              <a:gd name="connsiteY3" fmla="*/ 604826 h 1769004"/>
              <a:gd name="connsiteX4" fmla="*/ 1763653 w 3530788"/>
              <a:gd name="connsiteY4" fmla="*/ 1209294 h 1769004"/>
              <a:gd name="connsiteX5" fmla="*/ 1761418 w 3530788"/>
              <a:gd name="connsiteY5" fmla="*/ 0 h 1769004"/>
              <a:gd name="connsiteX6" fmla="*/ 2307129 w 3530788"/>
              <a:gd name="connsiteY6" fmla="*/ 543145 h 1769004"/>
              <a:gd name="connsiteX7" fmla="*/ 1763653 w 3530788"/>
              <a:gd name="connsiteY7" fmla="*/ 1086621 h 1769004"/>
              <a:gd name="connsiteX8" fmla="*/ 1220390 w 3530788"/>
              <a:gd name="connsiteY8" fmla="*/ 543358 h 176900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3530788" h="1769004">
                <a:moveTo>
                  <a:pt x="2368610" y="604337"/>
                </a:moveTo>
                <a:lnTo>
                  <a:pt x="3530788" y="1761052"/>
                </a:lnTo>
                <a:lnTo>
                  <a:pt x="0" y="1769004"/>
                </a:lnTo>
                <a:lnTo>
                  <a:pt x="1159186" y="604826"/>
                </a:lnTo>
                <a:lnTo>
                  <a:pt x="1763653" y="1209294"/>
                </a:lnTo>
                <a:close/>
                <a:moveTo>
                  <a:pt x="1761418" y="0"/>
                </a:moveTo>
                <a:lnTo>
                  <a:pt x="2307129" y="543145"/>
                </a:lnTo>
                <a:lnTo>
                  <a:pt x="1763653" y="1086621"/>
                </a:lnTo>
                <a:lnTo>
                  <a:pt x="1220390" y="543358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wrap="square" anchor="ctr">
            <a:noAutofit/>
          </a:bodyPr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22" name="그림 개체 틀 21">
            <a:extLst>
              <a:ext uri="{FF2B5EF4-FFF2-40B4-BE49-F238E27FC236}">
                <a16:creationId xmlns:a16="http://schemas.microsoft.com/office/drawing/2014/main" id="{818F7804-9A99-482C-9BFA-8B2E895ADDDC}"/>
              </a:ext>
            </a:extLst>
          </p:cNvPr>
          <p:cNvSpPr>
            <a:spLocks noGrp="1"/>
          </p:cNvSpPr>
          <p:nvPr>
            <p:ph type="pic" idx="20" hasCustomPrompt="1"/>
          </p:nvPr>
        </p:nvSpPr>
        <p:spPr>
          <a:xfrm>
            <a:off x="3491431" y="1495130"/>
            <a:ext cx="3681862" cy="3649326"/>
          </a:xfrm>
          <a:custGeom>
            <a:avLst/>
            <a:gdLst>
              <a:gd name="connsiteX0" fmla="*/ 3143876 w 3681862"/>
              <a:gd name="connsiteY0" fmla="*/ 1291431 h 3649326"/>
              <a:gd name="connsiteX1" fmla="*/ 3681862 w 3681862"/>
              <a:gd name="connsiteY1" fmla="*/ 1824663 h 3649326"/>
              <a:gd name="connsiteX2" fmla="*/ 3136398 w 3681862"/>
              <a:gd name="connsiteY2" fmla="*/ 2365307 h 3649326"/>
              <a:gd name="connsiteX3" fmla="*/ 2603199 w 3681862"/>
              <a:gd name="connsiteY3" fmla="*/ 1832108 h 3649326"/>
              <a:gd name="connsiteX4" fmla="*/ 1840931 w 3681862"/>
              <a:gd name="connsiteY4" fmla="*/ 0 h 3649326"/>
              <a:gd name="connsiteX5" fmla="*/ 3082267 w 3681862"/>
              <a:gd name="connsiteY5" fmla="*/ 1230367 h 3649326"/>
              <a:gd name="connsiteX6" fmla="*/ 2480526 w 3681862"/>
              <a:gd name="connsiteY6" fmla="*/ 1832108 h 3649326"/>
              <a:gd name="connsiteX7" fmla="*/ 3074789 w 3681862"/>
              <a:gd name="connsiteY7" fmla="*/ 2426371 h 3649326"/>
              <a:gd name="connsiteX8" fmla="*/ 1840931 w 3681862"/>
              <a:gd name="connsiteY8" fmla="*/ 3649326 h 3649326"/>
              <a:gd name="connsiteX9" fmla="*/ 0 w 3681862"/>
              <a:gd name="connsiteY9" fmla="*/ 1824663 h 364932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</a:cxnLst>
            <a:rect l="l" t="t" r="r" b="b"/>
            <a:pathLst>
              <a:path w="3681862" h="3649326">
                <a:moveTo>
                  <a:pt x="3143876" y="1291431"/>
                </a:moveTo>
                <a:lnTo>
                  <a:pt x="3681862" y="1824663"/>
                </a:lnTo>
                <a:lnTo>
                  <a:pt x="3136398" y="2365307"/>
                </a:lnTo>
                <a:lnTo>
                  <a:pt x="2603199" y="1832108"/>
                </a:lnTo>
                <a:close/>
                <a:moveTo>
                  <a:pt x="1840931" y="0"/>
                </a:moveTo>
                <a:lnTo>
                  <a:pt x="3082267" y="1230367"/>
                </a:lnTo>
                <a:lnTo>
                  <a:pt x="2480526" y="1832108"/>
                </a:lnTo>
                <a:lnTo>
                  <a:pt x="3074789" y="2426371"/>
                </a:lnTo>
                <a:lnTo>
                  <a:pt x="1840931" y="3649326"/>
                </a:lnTo>
                <a:lnTo>
                  <a:pt x="0" y="1824663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wrap="square" anchor="ctr">
            <a:noAutofit/>
          </a:bodyPr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21" name="그림 개체 틀 20">
            <a:extLst>
              <a:ext uri="{FF2B5EF4-FFF2-40B4-BE49-F238E27FC236}">
                <a16:creationId xmlns:a16="http://schemas.microsoft.com/office/drawing/2014/main" id="{59353D25-D7C0-4FC1-88CF-A55DAFC5690D}"/>
              </a:ext>
            </a:extLst>
          </p:cNvPr>
          <p:cNvSpPr>
            <a:spLocks noGrp="1"/>
          </p:cNvSpPr>
          <p:nvPr>
            <p:ph type="pic" idx="21" hasCustomPrompt="1"/>
          </p:nvPr>
        </p:nvSpPr>
        <p:spPr>
          <a:xfrm>
            <a:off x="5396868" y="-11318"/>
            <a:ext cx="3681862" cy="3267664"/>
          </a:xfrm>
          <a:custGeom>
            <a:avLst/>
            <a:gdLst>
              <a:gd name="connsiteX0" fmla="*/ 1843166 w 3681862"/>
              <a:gd name="connsiteY0" fmla="*/ 2193152 h 3267664"/>
              <a:gd name="connsiteX1" fmla="*/ 2381694 w 3681862"/>
              <a:gd name="connsiteY1" fmla="*/ 2731680 h 3267664"/>
              <a:gd name="connsiteX2" fmla="*/ 1840931 w 3681862"/>
              <a:gd name="connsiteY2" fmla="*/ 3267664 h 3267664"/>
              <a:gd name="connsiteX3" fmla="*/ 1302413 w 3681862"/>
              <a:gd name="connsiteY3" fmla="*/ 2733905 h 3267664"/>
              <a:gd name="connsiteX4" fmla="*/ 1467221 w 3681862"/>
              <a:gd name="connsiteY4" fmla="*/ 0 h 3267664"/>
              <a:gd name="connsiteX5" fmla="*/ 2284092 w 3681862"/>
              <a:gd name="connsiteY5" fmla="*/ 19269 h 3267664"/>
              <a:gd name="connsiteX6" fmla="*/ 3681862 w 3681862"/>
              <a:gd name="connsiteY6" fmla="*/ 1443001 h 3267664"/>
              <a:gd name="connsiteX7" fmla="*/ 2443303 w 3681862"/>
              <a:gd name="connsiteY7" fmla="*/ 2670616 h 3267664"/>
              <a:gd name="connsiteX8" fmla="*/ 1843166 w 3681862"/>
              <a:gd name="connsiteY8" fmla="*/ 2070479 h 3267664"/>
              <a:gd name="connsiteX9" fmla="*/ 1240805 w 3681862"/>
              <a:gd name="connsiteY9" fmla="*/ 2672841 h 3267664"/>
              <a:gd name="connsiteX10" fmla="*/ 0 w 3681862"/>
              <a:gd name="connsiteY10" fmla="*/ 1443001 h 32676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</a:cxnLst>
            <a:rect l="l" t="t" r="r" b="b"/>
            <a:pathLst>
              <a:path w="3681862" h="3267664">
                <a:moveTo>
                  <a:pt x="1843166" y="2193152"/>
                </a:moveTo>
                <a:lnTo>
                  <a:pt x="2381694" y="2731680"/>
                </a:lnTo>
                <a:lnTo>
                  <a:pt x="1840931" y="3267664"/>
                </a:lnTo>
                <a:lnTo>
                  <a:pt x="1302413" y="2733905"/>
                </a:lnTo>
                <a:close/>
                <a:moveTo>
                  <a:pt x="1467221" y="0"/>
                </a:moveTo>
                <a:cubicBezTo>
                  <a:pt x="1832276" y="3773"/>
                  <a:pt x="1919036" y="-406"/>
                  <a:pt x="2284092" y="19269"/>
                </a:cubicBezTo>
                <a:lnTo>
                  <a:pt x="3681862" y="1443001"/>
                </a:lnTo>
                <a:lnTo>
                  <a:pt x="2443303" y="2670616"/>
                </a:lnTo>
                <a:lnTo>
                  <a:pt x="1843166" y="2070479"/>
                </a:lnTo>
                <a:lnTo>
                  <a:pt x="1240805" y="2672841"/>
                </a:lnTo>
                <a:lnTo>
                  <a:pt x="0" y="1443001"/>
                </a:ln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wrap="square" anchor="ctr">
            <a:noAutofit/>
          </a:bodyPr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131371112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Images and Contents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23478"/>
            <a:ext cx="9144000" cy="576064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36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MAGES &amp; CONTENTS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699542"/>
            <a:ext cx="9144000" cy="288032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4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  <p:sp>
        <p:nvSpPr>
          <p:cNvPr id="5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395536" y="1267206"/>
            <a:ext cx="1440160" cy="172819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6" name="Picture Placeholder 2"/>
          <p:cNvSpPr>
            <a:spLocks noGrp="1"/>
          </p:cNvSpPr>
          <p:nvPr>
            <p:ph type="pic" idx="15" hasCustomPrompt="1"/>
          </p:nvPr>
        </p:nvSpPr>
        <p:spPr>
          <a:xfrm>
            <a:off x="395536" y="3075806"/>
            <a:ext cx="1440160" cy="172819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7" name="Picture Placeholder 2"/>
          <p:cNvSpPr>
            <a:spLocks noGrp="1"/>
          </p:cNvSpPr>
          <p:nvPr>
            <p:ph type="pic" idx="16" hasCustomPrompt="1"/>
          </p:nvPr>
        </p:nvSpPr>
        <p:spPr>
          <a:xfrm>
            <a:off x="1911680" y="1267206"/>
            <a:ext cx="1440160" cy="172819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8" name="Picture Placeholder 2"/>
          <p:cNvSpPr>
            <a:spLocks noGrp="1"/>
          </p:cNvSpPr>
          <p:nvPr>
            <p:ph type="pic" idx="17" hasCustomPrompt="1"/>
          </p:nvPr>
        </p:nvSpPr>
        <p:spPr>
          <a:xfrm>
            <a:off x="1911680" y="3075806"/>
            <a:ext cx="1440160" cy="172819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5" name="Picture Placeholder 2"/>
          <p:cNvSpPr>
            <a:spLocks noGrp="1"/>
          </p:cNvSpPr>
          <p:nvPr>
            <p:ph type="pic" idx="18" hasCustomPrompt="1"/>
          </p:nvPr>
        </p:nvSpPr>
        <p:spPr>
          <a:xfrm>
            <a:off x="5736054" y="1267206"/>
            <a:ext cx="1440160" cy="172819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6" name="Picture Placeholder 2"/>
          <p:cNvSpPr>
            <a:spLocks noGrp="1"/>
          </p:cNvSpPr>
          <p:nvPr>
            <p:ph type="pic" idx="19" hasCustomPrompt="1"/>
          </p:nvPr>
        </p:nvSpPr>
        <p:spPr>
          <a:xfrm>
            <a:off x="5736055" y="3075806"/>
            <a:ext cx="1440160" cy="172819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7" name="Picture Placeholder 2"/>
          <p:cNvSpPr>
            <a:spLocks noGrp="1"/>
          </p:cNvSpPr>
          <p:nvPr>
            <p:ph type="pic" idx="20" hasCustomPrompt="1"/>
          </p:nvPr>
        </p:nvSpPr>
        <p:spPr>
          <a:xfrm>
            <a:off x="7252198" y="1267206"/>
            <a:ext cx="1440160" cy="172819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8" name="Picture Placeholder 2"/>
          <p:cNvSpPr>
            <a:spLocks noGrp="1"/>
          </p:cNvSpPr>
          <p:nvPr>
            <p:ph type="pic" idx="21" hasCustomPrompt="1"/>
          </p:nvPr>
        </p:nvSpPr>
        <p:spPr>
          <a:xfrm>
            <a:off x="7252198" y="3075806"/>
            <a:ext cx="1440160" cy="1728191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2" name="Rectangle 1"/>
          <p:cNvSpPr/>
          <p:nvPr userDrawn="1"/>
        </p:nvSpPr>
        <p:spPr>
          <a:xfrm>
            <a:off x="3427823" y="1275605"/>
            <a:ext cx="2232248" cy="3528392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336861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hapes sets layout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242646" y="92609"/>
            <a:ext cx="8679898" cy="543185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4050" b="0" baseline="0">
                <a:solidFill>
                  <a:schemeClr val="tx1">
                    <a:lumMod val="85000"/>
                    <a:lumOff val="1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r>
              <a:rPr lang="en-US" altLang="ko-KR" dirty="0"/>
              <a:t>Fully Editable Shapes</a:t>
            </a:r>
          </a:p>
        </p:txBody>
      </p:sp>
    </p:spTree>
    <p:extLst>
      <p:ext uri="{BB962C8B-B14F-4D97-AF65-F5344CB8AC3E}">
        <p14:creationId xmlns:p14="http://schemas.microsoft.com/office/powerpoint/2010/main" val="126467620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con sets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23478"/>
            <a:ext cx="9144000" cy="576064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36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CON SETS LAYOUT</a:t>
            </a:r>
          </a:p>
        </p:txBody>
      </p:sp>
      <p:sp>
        <p:nvSpPr>
          <p:cNvPr id="11" name="Rounded Rectangle 10"/>
          <p:cNvSpPr/>
          <p:nvPr userDrawn="1"/>
        </p:nvSpPr>
        <p:spPr>
          <a:xfrm>
            <a:off x="354008" y="1131589"/>
            <a:ext cx="2849840" cy="3649171"/>
          </a:xfrm>
          <a:prstGeom prst="roundRect">
            <a:avLst>
              <a:gd name="adj" fmla="val 3968"/>
            </a:avLst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7" name="Rounded Rectangle 16"/>
          <p:cNvSpPr/>
          <p:nvPr userDrawn="1"/>
        </p:nvSpPr>
        <p:spPr>
          <a:xfrm>
            <a:off x="531932" y="1347500"/>
            <a:ext cx="108520" cy="3240473"/>
          </a:xfrm>
          <a:prstGeom prst="roundRect">
            <a:avLst>
              <a:gd name="adj" fmla="val 50000"/>
            </a:avLst>
          </a:prstGeom>
          <a:solidFill>
            <a:schemeClr val="bg1">
              <a:alpha val="41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bg1"/>
              </a:solidFill>
            </a:endParaRPr>
          </a:p>
        </p:txBody>
      </p:sp>
      <p:sp>
        <p:nvSpPr>
          <p:cNvPr id="18" name="Half Frame 17"/>
          <p:cNvSpPr/>
          <p:nvPr userDrawn="1"/>
        </p:nvSpPr>
        <p:spPr>
          <a:xfrm rot="5400000">
            <a:off x="2592642" y="1238201"/>
            <a:ext cx="502331" cy="502331"/>
          </a:xfrm>
          <a:prstGeom prst="halfFrame">
            <a:avLst>
              <a:gd name="adj1" fmla="val 23728"/>
              <a:gd name="adj2" fmla="val 24642"/>
            </a:avLst>
          </a:prstGeom>
          <a:solidFill>
            <a:schemeClr val="bg1">
              <a:alpha val="23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381822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End Slide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077" name="그룹 3076">
            <a:extLst>
              <a:ext uri="{FF2B5EF4-FFF2-40B4-BE49-F238E27FC236}">
                <a16:creationId xmlns:a16="http://schemas.microsoft.com/office/drawing/2014/main" id="{98E1F27A-257B-4D1A-B672-BC3E23A06118}"/>
              </a:ext>
            </a:extLst>
          </p:cNvPr>
          <p:cNvGrpSpPr/>
          <p:nvPr userDrawn="1"/>
        </p:nvGrpSpPr>
        <p:grpSpPr>
          <a:xfrm>
            <a:off x="1902711" y="1537517"/>
            <a:ext cx="5620059" cy="3598510"/>
            <a:chOff x="2401342" y="248706"/>
            <a:chExt cx="5620059" cy="3598510"/>
          </a:xfrm>
          <a:solidFill>
            <a:schemeClr val="bg1"/>
          </a:solidFill>
        </p:grpSpPr>
        <p:sp>
          <p:nvSpPr>
            <p:cNvPr id="26" name="Oval 11">
              <a:extLst>
                <a:ext uri="{FF2B5EF4-FFF2-40B4-BE49-F238E27FC236}">
                  <a16:creationId xmlns:a16="http://schemas.microsoft.com/office/drawing/2014/main" id="{AFA52AFD-A09C-4B39-B8D1-31F5FF21F177}"/>
                </a:ext>
              </a:extLst>
            </p:cNvPr>
            <p:cNvSpPr/>
            <p:nvPr userDrawn="1"/>
          </p:nvSpPr>
          <p:spPr>
            <a:xfrm>
              <a:off x="4283968" y="941198"/>
              <a:ext cx="956850" cy="956850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7" name="Oval 11">
              <a:extLst>
                <a:ext uri="{FF2B5EF4-FFF2-40B4-BE49-F238E27FC236}">
                  <a16:creationId xmlns:a16="http://schemas.microsoft.com/office/drawing/2014/main" id="{28048BEE-7C53-42D0-A506-848E3F17217E}"/>
                </a:ext>
              </a:extLst>
            </p:cNvPr>
            <p:cNvSpPr/>
            <p:nvPr userDrawn="1"/>
          </p:nvSpPr>
          <p:spPr>
            <a:xfrm>
              <a:off x="4080672" y="1386488"/>
              <a:ext cx="491180" cy="491180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8" name="Oval 11">
              <a:extLst>
                <a:ext uri="{FF2B5EF4-FFF2-40B4-BE49-F238E27FC236}">
                  <a16:creationId xmlns:a16="http://schemas.microsoft.com/office/drawing/2014/main" id="{55B93957-A57C-44E0-A336-699EE6B4F6CC}"/>
                </a:ext>
              </a:extLst>
            </p:cNvPr>
            <p:cNvSpPr/>
            <p:nvPr userDrawn="1"/>
          </p:nvSpPr>
          <p:spPr>
            <a:xfrm>
              <a:off x="3485352" y="1717923"/>
              <a:ext cx="1190640" cy="1190640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9" name="Oval 11">
              <a:extLst>
                <a:ext uri="{FF2B5EF4-FFF2-40B4-BE49-F238E27FC236}">
                  <a16:creationId xmlns:a16="http://schemas.microsoft.com/office/drawing/2014/main" id="{0C21273E-B44A-44F4-BED0-FE6BE1C84CED}"/>
                </a:ext>
              </a:extLst>
            </p:cNvPr>
            <p:cNvSpPr/>
            <p:nvPr userDrawn="1"/>
          </p:nvSpPr>
          <p:spPr>
            <a:xfrm>
              <a:off x="2886827" y="1894030"/>
              <a:ext cx="1190640" cy="1190640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0" name="Oval 11">
              <a:extLst>
                <a:ext uri="{FF2B5EF4-FFF2-40B4-BE49-F238E27FC236}">
                  <a16:creationId xmlns:a16="http://schemas.microsoft.com/office/drawing/2014/main" id="{C9498B36-2DEE-4230-ADEC-8236BBAE4F80}"/>
                </a:ext>
              </a:extLst>
            </p:cNvPr>
            <p:cNvSpPr/>
            <p:nvPr userDrawn="1"/>
          </p:nvSpPr>
          <p:spPr>
            <a:xfrm>
              <a:off x="2401342" y="2516235"/>
              <a:ext cx="784747" cy="784747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1" name="Oval 11">
              <a:extLst>
                <a:ext uri="{FF2B5EF4-FFF2-40B4-BE49-F238E27FC236}">
                  <a16:creationId xmlns:a16="http://schemas.microsoft.com/office/drawing/2014/main" id="{EEE0F05A-0627-4B21-8C58-1FF2AFA50934}"/>
                </a:ext>
              </a:extLst>
            </p:cNvPr>
            <p:cNvSpPr/>
            <p:nvPr userDrawn="1"/>
          </p:nvSpPr>
          <p:spPr>
            <a:xfrm>
              <a:off x="3017096" y="2797485"/>
              <a:ext cx="784747" cy="784747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2" name="Oval 11">
              <a:extLst>
                <a:ext uri="{FF2B5EF4-FFF2-40B4-BE49-F238E27FC236}">
                  <a16:creationId xmlns:a16="http://schemas.microsoft.com/office/drawing/2014/main" id="{5AC876EE-8F1E-42E3-85E8-F082493EA4B2}"/>
                </a:ext>
              </a:extLst>
            </p:cNvPr>
            <p:cNvSpPr/>
            <p:nvPr userDrawn="1"/>
          </p:nvSpPr>
          <p:spPr>
            <a:xfrm>
              <a:off x="3562974" y="2003019"/>
              <a:ext cx="1844197" cy="1844197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3" name="Oval 11">
              <a:extLst>
                <a:ext uri="{FF2B5EF4-FFF2-40B4-BE49-F238E27FC236}">
                  <a16:creationId xmlns:a16="http://schemas.microsoft.com/office/drawing/2014/main" id="{AE727798-AF92-4B1B-B34B-6A0B5F01364D}"/>
                </a:ext>
              </a:extLst>
            </p:cNvPr>
            <p:cNvSpPr/>
            <p:nvPr userDrawn="1"/>
          </p:nvSpPr>
          <p:spPr>
            <a:xfrm>
              <a:off x="4999309" y="3011131"/>
              <a:ext cx="784747" cy="784747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4" name="Oval 11">
              <a:extLst>
                <a:ext uri="{FF2B5EF4-FFF2-40B4-BE49-F238E27FC236}">
                  <a16:creationId xmlns:a16="http://schemas.microsoft.com/office/drawing/2014/main" id="{0A1A70B0-8EC9-4232-A569-700F9CB90D86}"/>
                </a:ext>
              </a:extLst>
            </p:cNvPr>
            <p:cNvSpPr/>
            <p:nvPr userDrawn="1"/>
          </p:nvSpPr>
          <p:spPr>
            <a:xfrm>
              <a:off x="5653222" y="2981733"/>
              <a:ext cx="784747" cy="784747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5" name="Oval 11">
              <a:extLst>
                <a:ext uri="{FF2B5EF4-FFF2-40B4-BE49-F238E27FC236}">
                  <a16:creationId xmlns:a16="http://schemas.microsoft.com/office/drawing/2014/main" id="{8468AA9A-5D52-41E9-AE95-D453CCCDE517}"/>
                </a:ext>
              </a:extLst>
            </p:cNvPr>
            <p:cNvSpPr/>
            <p:nvPr userDrawn="1"/>
          </p:nvSpPr>
          <p:spPr>
            <a:xfrm>
              <a:off x="6035666" y="2445747"/>
              <a:ext cx="1363186" cy="1363186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6" name="Oval 11">
              <a:extLst>
                <a:ext uri="{FF2B5EF4-FFF2-40B4-BE49-F238E27FC236}">
                  <a16:creationId xmlns:a16="http://schemas.microsoft.com/office/drawing/2014/main" id="{F238635E-ADE2-4689-B906-BFA3780205D3}"/>
                </a:ext>
              </a:extLst>
            </p:cNvPr>
            <p:cNvSpPr/>
            <p:nvPr userDrawn="1"/>
          </p:nvSpPr>
          <p:spPr>
            <a:xfrm>
              <a:off x="7037784" y="2729409"/>
              <a:ext cx="784747" cy="784747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7" name="Oval 11">
              <a:extLst>
                <a:ext uri="{FF2B5EF4-FFF2-40B4-BE49-F238E27FC236}">
                  <a16:creationId xmlns:a16="http://schemas.microsoft.com/office/drawing/2014/main" id="{4A66CCF7-4F34-4CEF-A93F-D4C3FBBC31C8}"/>
                </a:ext>
              </a:extLst>
            </p:cNvPr>
            <p:cNvSpPr/>
            <p:nvPr userDrawn="1"/>
          </p:nvSpPr>
          <p:spPr>
            <a:xfrm>
              <a:off x="6658215" y="1725625"/>
              <a:ext cx="1363186" cy="1363186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8" name="Oval 11">
              <a:extLst>
                <a:ext uri="{FF2B5EF4-FFF2-40B4-BE49-F238E27FC236}">
                  <a16:creationId xmlns:a16="http://schemas.microsoft.com/office/drawing/2014/main" id="{ED5842E9-7C7B-4145-8777-A72EAA033919}"/>
                </a:ext>
              </a:extLst>
            </p:cNvPr>
            <p:cNvSpPr/>
            <p:nvPr userDrawn="1"/>
          </p:nvSpPr>
          <p:spPr>
            <a:xfrm>
              <a:off x="4702059" y="880592"/>
              <a:ext cx="1040194" cy="1040194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9" name="Oval 11">
              <a:extLst>
                <a:ext uri="{FF2B5EF4-FFF2-40B4-BE49-F238E27FC236}">
                  <a16:creationId xmlns:a16="http://schemas.microsoft.com/office/drawing/2014/main" id="{FE795315-79B9-4ACC-A173-0FF1208985F1}"/>
                </a:ext>
              </a:extLst>
            </p:cNvPr>
            <p:cNvSpPr/>
            <p:nvPr userDrawn="1"/>
          </p:nvSpPr>
          <p:spPr>
            <a:xfrm>
              <a:off x="5200227" y="1153449"/>
              <a:ext cx="1040194" cy="1040194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40" name="Oval 11">
              <a:extLst>
                <a:ext uri="{FF2B5EF4-FFF2-40B4-BE49-F238E27FC236}">
                  <a16:creationId xmlns:a16="http://schemas.microsoft.com/office/drawing/2014/main" id="{3C261F52-1234-4DC3-A2FF-D2EDCDFBD59B}"/>
                </a:ext>
              </a:extLst>
            </p:cNvPr>
            <p:cNvSpPr/>
            <p:nvPr userDrawn="1"/>
          </p:nvSpPr>
          <p:spPr>
            <a:xfrm>
              <a:off x="5945245" y="1484448"/>
              <a:ext cx="701108" cy="701108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41" name="Oval 11">
              <a:extLst>
                <a:ext uri="{FF2B5EF4-FFF2-40B4-BE49-F238E27FC236}">
                  <a16:creationId xmlns:a16="http://schemas.microsoft.com/office/drawing/2014/main" id="{8898D16D-0930-4BB5-A3BE-871D589D05A2}"/>
                </a:ext>
              </a:extLst>
            </p:cNvPr>
            <p:cNvSpPr/>
            <p:nvPr userDrawn="1"/>
          </p:nvSpPr>
          <p:spPr>
            <a:xfrm>
              <a:off x="6121822" y="1792219"/>
              <a:ext cx="1040194" cy="1040194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42" name="Oval 11">
              <a:extLst>
                <a:ext uri="{FF2B5EF4-FFF2-40B4-BE49-F238E27FC236}">
                  <a16:creationId xmlns:a16="http://schemas.microsoft.com/office/drawing/2014/main" id="{7BD6D6B7-F491-44FF-BEFA-1D7F73C5CB3B}"/>
                </a:ext>
              </a:extLst>
            </p:cNvPr>
            <p:cNvSpPr/>
            <p:nvPr userDrawn="1"/>
          </p:nvSpPr>
          <p:spPr>
            <a:xfrm>
              <a:off x="4251327" y="1369850"/>
              <a:ext cx="2136016" cy="2136016"/>
            </a:xfrm>
            <a:prstGeom prst="ellipse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7" name="사다리꼴 6">
              <a:extLst>
                <a:ext uri="{FF2B5EF4-FFF2-40B4-BE49-F238E27FC236}">
                  <a16:creationId xmlns:a16="http://schemas.microsoft.com/office/drawing/2014/main" id="{A3711D92-0D82-4A0C-98E5-DF2B26ADA064}"/>
                </a:ext>
              </a:extLst>
            </p:cNvPr>
            <p:cNvSpPr/>
            <p:nvPr userDrawn="1"/>
          </p:nvSpPr>
          <p:spPr>
            <a:xfrm>
              <a:off x="4765704" y="248706"/>
              <a:ext cx="608632" cy="1216152"/>
            </a:xfrm>
            <a:prstGeom prst="trapezoid">
              <a:avLst/>
            </a:prstGeom>
            <a:grp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4" name="Rectangle 3"/>
          <p:cNvSpPr/>
          <p:nvPr userDrawn="1"/>
        </p:nvSpPr>
        <p:spPr>
          <a:xfrm>
            <a:off x="0" y="0"/>
            <a:ext cx="9144000" cy="1347614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grpSp>
        <p:nvGrpSpPr>
          <p:cNvPr id="5" name="Group 4"/>
          <p:cNvGrpSpPr/>
          <p:nvPr userDrawn="1"/>
        </p:nvGrpSpPr>
        <p:grpSpPr>
          <a:xfrm>
            <a:off x="0" y="3798740"/>
            <a:ext cx="9144000" cy="1344760"/>
            <a:chOff x="0" y="3798740"/>
            <a:chExt cx="9144000" cy="1344760"/>
          </a:xfrm>
        </p:grpSpPr>
        <p:sp>
          <p:nvSpPr>
            <p:cNvPr id="6" name="Rectangle 5"/>
            <p:cNvSpPr/>
            <p:nvPr userDrawn="1"/>
          </p:nvSpPr>
          <p:spPr>
            <a:xfrm>
              <a:off x="0" y="4731990"/>
              <a:ext cx="9144000" cy="411510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l"/>
              <a:endParaRPr lang="ko-KR" altLang="en-US"/>
            </a:p>
          </p:txBody>
        </p:sp>
        <p:sp>
          <p:nvSpPr>
            <p:cNvPr id="2" name="Oval 1"/>
            <p:cNvSpPr/>
            <p:nvPr userDrawn="1"/>
          </p:nvSpPr>
          <p:spPr>
            <a:xfrm>
              <a:off x="2195736" y="4299942"/>
              <a:ext cx="576064" cy="576064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8" name="Oval 7"/>
            <p:cNvSpPr/>
            <p:nvPr userDrawn="1"/>
          </p:nvSpPr>
          <p:spPr>
            <a:xfrm>
              <a:off x="1772072" y="4361681"/>
              <a:ext cx="576064" cy="576064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9" name="Oval 8"/>
            <p:cNvSpPr/>
            <p:nvPr userDrawn="1"/>
          </p:nvSpPr>
          <p:spPr>
            <a:xfrm>
              <a:off x="1330152" y="4539308"/>
              <a:ext cx="596602" cy="596602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2" name="Oval 11"/>
            <p:cNvSpPr/>
            <p:nvPr userDrawn="1"/>
          </p:nvSpPr>
          <p:spPr>
            <a:xfrm>
              <a:off x="7092280" y="3798740"/>
              <a:ext cx="596602" cy="596602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3" name="Oval 12"/>
            <p:cNvSpPr/>
            <p:nvPr userDrawn="1"/>
          </p:nvSpPr>
          <p:spPr>
            <a:xfrm>
              <a:off x="6495678" y="4341143"/>
              <a:ext cx="596602" cy="596602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4" name="Oval 13"/>
            <p:cNvSpPr/>
            <p:nvPr userDrawn="1"/>
          </p:nvSpPr>
          <p:spPr>
            <a:xfrm>
              <a:off x="6991200" y="4240063"/>
              <a:ext cx="697682" cy="697682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5" name="Oval 14"/>
            <p:cNvSpPr/>
            <p:nvPr userDrawn="1"/>
          </p:nvSpPr>
          <p:spPr>
            <a:xfrm>
              <a:off x="7392378" y="4244602"/>
              <a:ext cx="593007" cy="593007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6" name="Oval 15"/>
            <p:cNvSpPr/>
            <p:nvPr userDrawn="1"/>
          </p:nvSpPr>
          <p:spPr>
            <a:xfrm>
              <a:off x="7812360" y="4435486"/>
              <a:ext cx="593007" cy="593007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3075806"/>
            <a:ext cx="9144000" cy="57606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3600" b="1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Thank you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-148" y="3723878"/>
            <a:ext cx="9144000" cy="288032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4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  <p:grpSp>
        <p:nvGrpSpPr>
          <p:cNvPr id="3" name="Group 2"/>
          <p:cNvGrpSpPr/>
          <p:nvPr userDrawn="1"/>
        </p:nvGrpSpPr>
        <p:grpSpPr>
          <a:xfrm>
            <a:off x="6535596" y="1104508"/>
            <a:ext cx="672848" cy="486211"/>
            <a:chOff x="6495678" y="1779663"/>
            <a:chExt cx="672848" cy="486211"/>
          </a:xfrm>
        </p:grpSpPr>
        <p:sp>
          <p:nvSpPr>
            <p:cNvPr id="17" name="Oval 16"/>
            <p:cNvSpPr/>
            <p:nvPr userDrawn="1"/>
          </p:nvSpPr>
          <p:spPr>
            <a:xfrm>
              <a:off x="6588225" y="1779663"/>
              <a:ext cx="432048" cy="432048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8" name="Oval 17"/>
            <p:cNvSpPr/>
            <p:nvPr userDrawn="1"/>
          </p:nvSpPr>
          <p:spPr>
            <a:xfrm>
              <a:off x="6872020" y="1913390"/>
              <a:ext cx="296506" cy="296506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9" name="Oval 18"/>
            <p:cNvSpPr/>
            <p:nvPr userDrawn="1"/>
          </p:nvSpPr>
          <p:spPr>
            <a:xfrm>
              <a:off x="6495678" y="1995687"/>
              <a:ext cx="270187" cy="270187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0" name="Oval 19"/>
            <p:cNvSpPr/>
            <p:nvPr userDrawn="1"/>
          </p:nvSpPr>
          <p:spPr>
            <a:xfrm>
              <a:off x="6698826" y="1995687"/>
              <a:ext cx="270187" cy="270187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grpSp>
        <p:nvGrpSpPr>
          <p:cNvPr id="21" name="Group 20"/>
          <p:cNvGrpSpPr/>
          <p:nvPr userDrawn="1"/>
        </p:nvGrpSpPr>
        <p:grpSpPr>
          <a:xfrm>
            <a:off x="2098952" y="2183144"/>
            <a:ext cx="524595" cy="379081"/>
            <a:chOff x="6495678" y="1779663"/>
            <a:chExt cx="672848" cy="486211"/>
          </a:xfrm>
        </p:grpSpPr>
        <p:sp>
          <p:nvSpPr>
            <p:cNvPr id="22" name="Oval 21"/>
            <p:cNvSpPr/>
            <p:nvPr userDrawn="1"/>
          </p:nvSpPr>
          <p:spPr>
            <a:xfrm>
              <a:off x="6588225" y="1779663"/>
              <a:ext cx="432048" cy="432048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3" name="Oval 22"/>
            <p:cNvSpPr/>
            <p:nvPr userDrawn="1"/>
          </p:nvSpPr>
          <p:spPr>
            <a:xfrm>
              <a:off x="6872020" y="1913390"/>
              <a:ext cx="296506" cy="296506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4" name="Oval 23"/>
            <p:cNvSpPr/>
            <p:nvPr userDrawn="1"/>
          </p:nvSpPr>
          <p:spPr>
            <a:xfrm>
              <a:off x="6495678" y="1995687"/>
              <a:ext cx="270187" cy="270187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5" name="Oval 24"/>
            <p:cNvSpPr/>
            <p:nvPr userDrawn="1"/>
          </p:nvSpPr>
          <p:spPr>
            <a:xfrm>
              <a:off x="6698826" y="1995687"/>
              <a:ext cx="270187" cy="270187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grpSp>
        <p:nvGrpSpPr>
          <p:cNvPr id="3076" name="그룹 3075">
            <a:extLst>
              <a:ext uri="{FF2B5EF4-FFF2-40B4-BE49-F238E27FC236}">
                <a16:creationId xmlns:a16="http://schemas.microsoft.com/office/drawing/2014/main" id="{D94CBEB5-5417-46B1-88F6-CC8EAFA04538}"/>
              </a:ext>
            </a:extLst>
          </p:cNvPr>
          <p:cNvGrpSpPr/>
          <p:nvPr userDrawn="1"/>
        </p:nvGrpSpPr>
        <p:grpSpPr>
          <a:xfrm>
            <a:off x="4249055" y="497586"/>
            <a:ext cx="645890" cy="1241591"/>
            <a:chOff x="5304862" y="-789923"/>
            <a:chExt cx="645890" cy="1241591"/>
          </a:xfrm>
        </p:grpSpPr>
        <p:grpSp>
          <p:nvGrpSpPr>
            <p:cNvPr id="3072" name="그룹 3071">
              <a:extLst>
                <a:ext uri="{FF2B5EF4-FFF2-40B4-BE49-F238E27FC236}">
                  <a16:creationId xmlns:a16="http://schemas.microsoft.com/office/drawing/2014/main" id="{1EDC8D9B-3ACF-4259-97AD-31C89A94208E}"/>
                </a:ext>
              </a:extLst>
            </p:cNvPr>
            <p:cNvGrpSpPr/>
            <p:nvPr userDrawn="1"/>
          </p:nvGrpSpPr>
          <p:grpSpPr>
            <a:xfrm>
              <a:off x="5377232" y="-789923"/>
              <a:ext cx="495969" cy="1052585"/>
              <a:chOff x="5868144" y="-857099"/>
              <a:chExt cx="495969" cy="1052585"/>
            </a:xfrm>
          </p:grpSpPr>
          <p:sp>
            <p:nvSpPr>
              <p:cNvPr id="50" name="이등변 삼각형 49">
                <a:extLst>
                  <a:ext uri="{FF2B5EF4-FFF2-40B4-BE49-F238E27FC236}">
                    <a16:creationId xmlns:a16="http://schemas.microsoft.com/office/drawing/2014/main" id="{91D8E74F-74D1-42AF-878A-87DB5086DFB8}"/>
                  </a:ext>
                </a:extLst>
              </p:cNvPr>
              <p:cNvSpPr/>
              <p:nvPr userDrawn="1"/>
            </p:nvSpPr>
            <p:spPr>
              <a:xfrm>
                <a:off x="5868144" y="-853769"/>
                <a:ext cx="495969" cy="1049255"/>
              </a:xfrm>
              <a:custGeom>
                <a:avLst/>
                <a:gdLst>
                  <a:gd name="connsiteX0" fmla="*/ 0 w 311344"/>
                  <a:gd name="connsiteY0" fmla="*/ 1049255 h 1049255"/>
                  <a:gd name="connsiteX1" fmla="*/ 155672 w 311344"/>
                  <a:gd name="connsiteY1" fmla="*/ 0 h 1049255"/>
                  <a:gd name="connsiteX2" fmla="*/ 311344 w 311344"/>
                  <a:gd name="connsiteY2" fmla="*/ 1049255 h 1049255"/>
                  <a:gd name="connsiteX3" fmla="*/ 0 w 311344"/>
                  <a:gd name="connsiteY3" fmla="*/ 1049255 h 1049255"/>
                  <a:gd name="connsiteX0" fmla="*/ 45684 w 357028"/>
                  <a:gd name="connsiteY0" fmla="*/ 1049255 h 1049255"/>
                  <a:gd name="connsiteX1" fmla="*/ 201356 w 357028"/>
                  <a:gd name="connsiteY1" fmla="*/ 0 h 1049255"/>
                  <a:gd name="connsiteX2" fmla="*/ 357028 w 357028"/>
                  <a:gd name="connsiteY2" fmla="*/ 1049255 h 1049255"/>
                  <a:gd name="connsiteX3" fmla="*/ 45684 w 357028"/>
                  <a:gd name="connsiteY3" fmla="*/ 1049255 h 1049255"/>
                  <a:gd name="connsiteX0" fmla="*/ 45684 w 416158"/>
                  <a:gd name="connsiteY0" fmla="*/ 1049255 h 1049255"/>
                  <a:gd name="connsiteX1" fmla="*/ 201356 w 416158"/>
                  <a:gd name="connsiteY1" fmla="*/ 0 h 1049255"/>
                  <a:gd name="connsiteX2" fmla="*/ 357028 w 416158"/>
                  <a:gd name="connsiteY2" fmla="*/ 1049255 h 1049255"/>
                  <a:gd name="connsiteX3" fmla="*/ 45684 w 416158"/>
                  <a:gd name="connsiteY3" fmla="*/ 1049255 h 1049255"/>
                  <a:gd name="connsiteX0" fmla="*/ 87161 w 457635"/>
                  <a:gd name="connsiteY0" fmla="*/ 1049255 h 1049255"/>
                  <a:gd name="connsiteX1" fmla="*/ 242833 w 457635"/>
                  <a:gd name="connsiteY1" fmla="*/ 0 h 1049255"/>
                  <a:gd name="connsiteX2" fmla="*/ 398505 w 457635"/>
                  <a:gd name="connsiteY2" fmla="*/ 1049255 h 1049255"/>
                  <a:gd name="connsiteX3" fmla="*/ 87161 w 457635"/>
                  <a:gd name="connsiteY3" fmla="*/ 1049255 h 1049255"/>
                  <a:gd name="connsiteX0" fmla="*/ 87161 w 500627"/>
                  <a:gd name="connsiteY0" fmla="*/ 1049255 h 1049255"/>
                  <a:gd name="connsiteX1" fmla="*/ 242833 w 500627"/>
                  <a:gd name="connsiteY1" fmla="*/ 0 h 1049255"/>
                  <a:gd name="connsiteX2" fmla="*/ 398505 w 500627"/>
                  <a:gd name="connsiteY2" fmla="*/ 1049255 h 1049255"/>
                  <a:gd name="connsiteX3" fmla="*/ 87161 w 500627"/>
                  <a:gd name="connsiteY3" fmla="*/ 1049255 h 1049255"/>
                  <a:gd name="connsiteX0" fmla="*/ 91187 w 504653"/>
                  <a:gd name="connsiteY0" fmla="*/ 1049255 h 1049255"/>
                  <a:gd name="connsiteX1" fmla="*/ 246859 w 504653"/>
                  <a:gd name="connsiteY1" fmla="*/ 0 h 1049255"/>
                  <a:gd name="connsiteX2" fmla="*/ 402531 w 504653"/>
                  <a:gd name="connsiteY2" fmla="*/ 1049255 h 1049255"/>
                  <a:gd name="connsiteX3" fmla="*/ 91187 w 504653"/>
                  <a:gd name="connsiteY3" fmla="*/ 1049255 h 1049255"/>
                  <a:gd name="connsiteX0" fmla="*/ 91187 w 500775"/>
                  <a:gd name="connsiteY0" fmla="*/ 1049255 h 1049255"/>
                  <a:gd name="connsiteX1" fmla="*/ 246859 w 500775"/>
                  <a:gd name="connsiteY1" fmla="*/ 0 h 1049255"/>
                  <a:gd name="connsiteX2" fmla="*/ 402531 w 500775"/>
                  <a:gd name="connsiteY2" fmla="*/ 1049255 h 1049255"/>
                  <a:gd name="connsiteX3" fmla="*/ 91187 w 500775"/>
                  <a:gd name="connsiteY3" fmla="*/ 1049255 h 1049255"/>
                  <a:gd name="connsiteX0" fmla="*/ 91187 w 484758"/>
                  <a:gd name="connsiteY0" fmla="*/ 1049255 h 1049255"/>
                  <a:gd name="connsiteX1" fmla="*/ 246859 w 484758"/>
                  <a:gd name="connsiteY1" fmla="*/ 0 h 1049255"/>
                  <a:gd name="connsiteX2" fmla="*/ 402531 w 484758"/>
                  <a:gd name="connsiteY2" fmla="*/ 1049255 h 1049255"/>
                  <a:gd name="connsiteX3" fmla="*/ 91187 w 484758"/>
                  <a:gd name="connsiteY3" fmla="*/ 1049255 h 1049255"/>
                  <a:gd name="connsiteX0" fmla="*/ 91187 w 488692"/>
                  <a:gd name="connsiteY0" fmla="*/ 1049255 h 1049255"/>
                  <a:gd name="connsiteX1" fmla="*/ 246859 w 488692"/>
                  <a:gd name="connsiteY1" fmla="*/ 0 h 1049255"/>
                  <a:gd name="connsiteX2" fmla="*/ 402531 w 488692"/>
                  <a:gd name="connsiteY2" fmla="*/ 1049255 h 1049255"/>
                  <a:gd name="connsiteX3" fmla="*/ 91187 w 488692"/>
                  <a:gd name="connsiteY3" fmla="*/ 1049255 h 1049255"/>
                  <a:gd name="connsiteX0" fmla="*/ 91187 w 492707"/>
                  <a:gd name="connsiteY0" fmla="*/ 1049255 h 1049255"/>
                  <a:gd name="connsiteX1" fmla="*/ 246859 w 492707"/>
                  <a:gd name="connsiteY1" fmla="*/ 0 h 1049255"/>
                  <a:gd name="connsiteX2" fmla="*/ 402531 w 492707"/>
                  <a:gd name="connsiteY2" fmla="*/ 1049255 h 1049255"/>
                  <a:gd name="connsiteX3" fmla="*/ 91187 w 492707"/>
                  <a:gd name="connsiteY3" fmla="*/ 1049255 h 1049255"/>
                  <a:gd name="connsiteX0" fmla="*/ 95257 w 496777"/>
                  <a:gd name="connsiteY0" fmla="*/ 1049255 h 1049255"/>
                  <a:gd name="connsiteX1" fmla="*/ 250929 w 496777"/>
                  <a:gd name="connsiteY1" fmla="*/ 0 h 1049255"/>
                  <a:gd name="connsiteX2" fmla="*/ 406601 w 496777"/>
                  <a:gd name="connsiteY2" fmla="*/ 1049255 h 1049255"/>
                  <a:gd name="connsiteX3" fmla="*/ 95257 w 496777"/>
                  <a:gd name="connsiteY3" fmla="*/ 1049255 h 1049255"/>
                  <a:gd name="connsiteX0" fmla="*/ 95257 w 485293"/>
                  <a:gd name="connsiteY0" fmla="*/ 1049255 h 1049255"/>
                  <a:gd name="connsiteX1" fmla="*/ 250929 w 485293"/>
                  <a:gd name="connsiteY1" fmla="*/ 0 h 1049255"/>
                  <a:gd name="connsiteX2" fmla="*/ 406601 w 485293"/>
                  <a:gd name="connsiteY2" fmla="*/ 1049255 h 1049255"/>
                  <a:gd name="connsiteX3" fmla="*/ 95257 w 485293"/>
                  <a:gd name="connsiteY3" fmla="*/ 1049255 h 1049255"/>
                  <a:gd name="connsiteX0" fmla="*/ 95257 w 494828"/>
                  <a:gd name="connsiteY0" fmla="*/ 1049255 h 1049255"/>
                  <a:gd name="connsiteX1" fmla="*/ 250929 w 494828"/>
                  <a:gd name="connsiteY1" fmla="*/ 0 h 1049255"/>
                  <a:gd name="connsiteX2" fmla="*/ 406601 w 494828"/>
                  <a:gd name="connsiteY2" fmla="*/ 1049255 h 1049255"/>
                  <a:gd name="connsiteX3" fmla="*/ 95257 w 494828"/>
                  <a:gd name="connsiteY3" fmla="*/ 1049255 h 1049255"/>
                  <a:gd name="connsiteX0" fmla="*/ 95257 w 493814"/>
                  <a:gd name="connsiteY0" fmla="*/ 1049255 h 1049255"/>
                  <a:gd name="connsiteX1" fmla="*/ 250929 w 493814"/>
                  <a:gd name="connsiteY1" fmla="*/ 0 h 1049255"/>
                  <a:gd name="connsiteX2" fmla="*/ 406601 w 493814"/>
                  <a:gd name="connsiteY2" fmla="*/ 1049255 h 1049255"/>
                  <a:gd name="connsiteX3" fmla="*/ 95257 w 493814"/>
                  <a:gd name="connsiteY3" fmla="*/ 1049255 h 1049255"/>
                  <a:gd name="connsiteX0" fmla="*/ 95257 w 496864"/>
                  <a:gd name="connsiteY0" fmla="*/ 1049255 h 1049255"/>
                  <a:gd name="connsiteX1" fmla="*/ 250929 w 496864"/>
                  <a:gd name="connsiteY1" fmla="*/ 0 h 1049255"/>
                  <a:gd name="connsiteX2" fmla="*/ 406601 w 496864"/>
                  <a:gd name="connsiteY2" fmla="*/ 1049255 h 1049255"/>
                  <a:gd name="connsiteX3" fmla="*/ 95257 w 496864"/>
                  <a:gd name="connsiteY3" fmla="*/ 1049255 h 1049255"/>
                  <a:gd name="connsiteX0" fmla="*/ 95257 w 497887"/>
                  <a:gd name="connsiteY0" fmla="*/ 1049255 h 1049255"/>
                  <a:gd name="connsiteX1" fmla="*/ 250929 w 497887"/>
                  <a:gd name="connsiteY1" fmla="*/ 0 h 1049255"/>
                  <a:gd name="connsiteX2" fmla="*/ 406601 w 497887"/>
                  <a:gd name="connsiteY2" fmla="*/ 1049255 h 1049255"/>
                  <a:gd name="connsiteX3" fmla="*/ 95257 w 497887"/>
                  <a:gd name="connsiteY3" fmla="*/ 1049255 h 1049255"/>
                  <a:gd name="connsiteX0" fmla="*/ 95257 w 495969"/>
                  <a:gd name="connsiteY0" fmla="*/ 1049255 h 1049255"/>
                  <a:gd name="connsiteX1" fmla="*/ 250929 w 495969"/>
                  <a:gd name="connsiteY1" fmla="*/ 0 h 1049255"/>
                  <a:gd name="connsiteX2" fmla="*/ 406601 w 495969"/>
                  <a:gd name="connsiteY2" fmla="*/ 1049255 h 1049255"/>
                  <a:gd name="connsiteX3" fmla="*/ 95257 w 495969"/>
                  <a:gd name="connsiteY3" fmla="*/ 1049255 h 104925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495969" h="1049255">
                    <a:moveTo>
                      <a:pt x="95257" y="1049255"/>
                    </a:moveTo>
                    <a:cubicBezTo>
                      <a:pt x="6676" y="723357"/>
                      <a:pt x="-121664" y="317947"/>
                      <a:pt x="250929" y="0"/>
                    </a:cubicBezTo>
                    <a:cubicBezTo>
                      <a:pt x="612920" y="328549"/>
                      <a:pt x="489882" y="781667"/>
                      <a:pt x="406601" y="1049255"/>
                    </a:cubicBezTo>
                    <a:lnTo>
                      <a:pt x="95257" y="1049255"/>
                    </a:lnTo>
                    <a:close/>
                  </a:path>
                </a:pathLst>
              </a:custGeom>
              <a:solidFill>
                <a:schemeClr val="bg1">
                  <a:lumMod val="8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3" name="자유형: 도형 62">
                <a:extLst>
                  <a:ext uri="{FF2B5EF4-FFF2-40B4-BE49-F238E27FC236}">
                    <a16:creationId xmlns:a16="http://schemas.microsoft.com/office/drawing/2014/main" id="{AE1386C1-5A88-4DFD-B9C6-1BD9FD99E884}"/>
                  </a:ext>
                </a:extLst>
              </p:cNvPr>
              <p:cNvSpPr/>
              <p:nvPr userDrawn="1"/>
            </p:nvSpPr>
            <p:spPr>
              <a:xfrm>
                <a:off x="5939427" y="102551"/>
                <a:ext cx="364003" cy="92935"/>
              </a:xfrm>
              <a:custGeom>
                <a:avLst/>
                <a:gdLst>
                  <a:gd name="connsiteX0" fmla="*/ 0 w 364003"/>
                  <a:gd name="connsiteY0" fmla="*/ 0 h 92935"/>
                  <a:gd name="connsiteX1" fmla="*/ 364003 w 364003"/>
                  <a:gd name="connsiteY1" fmla="*/ 0 h 92935"/>
                  <a:gd name="connsiteX2" fmla="*/ 336518 w 364003"/>
                  <a:gd name="connsiteY2" fmla="*/ 92935 h 92935"/>
                  <a:gd name="connsiteX3" fmla="*/ 25174 w 364003"/>
                  <a:gd name="connsiteY3" fmla="*/ 92935 h 92935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364003" h="92935">
                    <a:moveTo>
                      <a:pt x="0" y="0"/>
                    </a:moveTo>
                    <a:lnTo>
                      <a:pt x="364003" y="0"/>
                    </a:lnTo>
                    <a:lnTo>
                      <a:pt x="336518" y="92935"/>
                    </a:lnTo>
                    <a:lnTo>
                      <a:pt x="25174" y="92935"/>
                    </a:lnTo>
                    <a:close/>
                  </a:path>
                </a:pathLst>
              </a:custGeom>
              <a:solidFill>
                <a:schemeClr val="bg1">
                  <a:lumMod val="6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2" name="자유형: 도형 61">
                <a:extLst>
                  <a:ext uri="{FF2B5EF4-FFF2-40B4-BE49-F238E27FC236}">
                    <a16:creationId xmlns:a16="http://schemas.microsoft.com/office/drawing/2014/main" id="{54B26653-6B23-4EFE-8B06-375137532FD8}"/>
                  </a:ext>
                </a:extLst>
              </p:cNvPr>
              <p:cNvSpPr/>
              <p:nvPr userDrawn="1"/>
            </p:nvSpPr>
            <p:spPr>
              <a:xfrm>
                <a:off x="5893989" y="-857099"/>
                <a:ext cx="444279" cy="350537"/>
              </a:xfrm>
              <a:custGeom>
                <a:avLst/>
                <a:gdLst>
                  <a:gd name="connsiteX0" fmla="*/ 227272 w 444279"/>
                  <a:gd name="connsiteY0" fmla="*/ 0 h 350537"/>
                  <a:gd name="connsiteX1" fmla="*/ 440556 w 444279"/>
                  <a:gd name="connsiteY1" fmla="*/ 335046 h 350537"/>
                  <a:gd name="connsiteX2" fmla="*/ 444279 w 444279"/>
                  <a:gd name="connsiteY2" fmla="*/ 350537 h 350537"/>
                  <a:gd name="connsiteX3" fmla="*/ 0 w 444279"/>
                  <a:gd name="connsiteY3" fmla="*/ 350537 h 350537"/>
                  <a:gd name="connsiteX4" fmla="*/ 8223 w 444279"/>
                  <a:gd name="connsiteY4" fmla="*/ 318604 h 350537"/>
                  <a:gd name="connsiteX5" fmla="*/ 227272 w 444279"/>
                  <a:gd name="connsiteY5" fmla="*/ 0 h 35053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</a:cxnLst>
                <a:rect l="l" t="t" r="r" b="b"/>
                <a:pathLst>
                  <a:path w="444279" h="350537">
                    <a:moveTo>
                      <a:pt x="227272" y="0"/>
                    </a:moveTo>
                    <a:cubicBezTo>
                      <a:pt x="340394" y="102672"/>
                      <a:pt x="406151" y="217508"/>
                      <a:pt x="440556" y="335046"/>
                    </a:cubicBezTo>
                    <a:lnTo>
                      <a:pt x="444279" y="350537"/>
                    </a:lnTo>
                    <a:lnTo>
                      <a:pt x="0" y="350537"/>
                    </a:lnTo>
                    <a:lnTo>
                      <a:pt x="8223" y="318604"/>
                    </a:lnTo>
                    <a:cubicBezTo>
                      <a:pt x="43321" y="207258"/>
                      <a:pt x="110837" y="99358"/>
                      <a:pt x="227272" y="0"/>
                    </a:cubicBezTo>
                    <a:close/>
                  </a:path>
                </a:pathLst>
              </a:custGeom>
              <a:solidFill>
                <a:schemeClr val="accent3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</p:grpSp>
        <p:sp>
          <p:nvSpPr>
            <p:cNvPr id="60" name="타원 59">
              <a:extLst>
                <a:ext uri="{FF2B5EF4-FFF2-40B4-BE49-F238E27FC236}">
                  <a16:creationId xmlns:a16="http://schemas.microsoft.com/office/drawing/2014/main" id="{12D3E034-244B-447C-9103-515EC73ED955}"/>
                </a:ext>
              </a:extLst>
            </p:cNvPr>
            <p:cNvSpPr/>
            <p:nvPr userDrawn="1"/>
          </p:nvSpPr>
          <p:spPr>
            <a:xfrm>
              <a:off x="5535216" y="-351600"/>
              <a:ext cx="180000" cy="180000"/>
            </a:xfrm>
            <a:prstGeom prst="ellipse">
              <a:avLst/>
            </a:prstGeom>
            <a:solidFill>
              <a:schemeClr val="bg1"/>
            </a:solidFill>
            <a:ln w="12700">
              <a:solidFill>
                <a:schemeClr val="bg1">
                  <a:lumMod val="7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073" name="직사각형 3072">
              <a:extLst>
                <a:ext uri="{FF2B5EF4-FFF2-40B4-BE49-F238E27FC236}">
                  <a16:creationId xmlns:a16="http://schemas.microsoft.com/office/drawing/2014/main" id="{B8AC1995-F1DB-45F4-BAD9-8612F17EC7CF}"/>
                </a:ext>
              </a:extLst>
            </p:cNvPr>
            <p:cNvSpPr/>
            <p:nvPr userDrawn="1"/>
          </p:nvSpPr>
          <p:spPr>
            <a:xfrm flipH="1">
              <a:off x="5614416" y="6445"/>
              <a:ext cx="21600" cy="432000"/>
            </a:xfrm>
            <a:prstGeom prst="rect">
              <a:avLst/>
            </a:prstGeom>
            <a:solidFill>
              <a:schemeClr val="bg1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3075" name="자유형: 도형 3074">
              <a:extLst>
                <a:ext uri="{FF2B5EF4-FFF2-40B4-BE49-F238E27FC236}">
                  <a16:creationId xmlns:a16="http://schemas.microsoft.com/office/drawing/2014/main" id="{1B2C1A3C-1B19-4A94-822F-AE9B5A703575}"/>
                </a:ext>
              </a:extLst>
            </p:cNvPr>
            <p:cNvSpPr/>
            <p:nvPr userDrawn="1"/>
          </p:nvSpPr>
          <p:spPr>
            <a:xfrm>
              <a:off x="5304862" y="-1556"/>
              <a:ext cx="143653" cy="453224"/>
            </a:xfrm>
            <a:custGeom>
              <a:avLst/>
              <a:gdLst>
                <a:gd name="connsiteX0" fmla="*/ 71561 w 116619"/>
                <a:gd name="connsiteY0" fmla="*/ 0 h 453224"/>
                <a:gd name="connsiteX1" fmla="*/ 116619 w 116619"/>
                <a:gd name="connsiteY1" fmla="*/ 145774 h 453224"/>
                <a:gd name="connsiteX2" fmla="*/ 0 w 116619"/>
                <a:gd name="connsiteY2" fmla="*/ 453224 h 453224"/>
                <a:gd name="connsiteX3" fmla="*/ 71561 w 116619"/>
                <a:gd name="connsiteY3" fmla="*/ 0 h 453224"/>
                <a:gd name="connsiteX0" fmla="*/ 78782 w 123840"/>
                <a:gd name="connsiteY0" fmla="*/ 0 h 453224"/>
                <a:gd name="connsiteX1" fmla="*/ 123840 w 123840"/>
                <a:gd name="connsiteY1" fmla="*/ 145774 h 453224"/>
                <a:gd name="connsiteX2" fmla="*/ 7221 w 123840"/>
                <a:gd name="connsiteY2" fmla="*/ 453224 h 453224"/>
                <a:gd name="connsiteX3" fmla="*/ 78782 w 123840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5845 w 140903"/>
                <a:gd name="connsiteY0" fmla="*/ 0 h 453224"/>
                <a:gd name="connsiteX1" fmla="*/ 140903 w 140903"/>
                <a:gd name="connsiteY1" fmla="*/ 145774 h 453224"/>
                <a:gd name="connsiteX2" fmla="*/ 24284 w 140903"/>
                <a:gd name="connsiteY2" fmla="*/ 453224 h 453224"/>
                <a:gd name="connsiteX3" fmla="*/ 95845 w 140903"/>
                <a:gd name="connsiteY3" fmla="*/ 0 h 453224"/>
                <a:gd name="connsiteX0" fmla="*/ 98595 w 143653"/>
                <a:gd name="connsiteY0" fmla="*/ 0 h 453224"/>
                <a:gd name="connsiteX1" fmla="*/ 143653 w 143653"/>
                <a:gd name="connsiteY1" fmla="*/ 145774 h 453224"/>
                <a:gd name="connsiteX2" fmla="*/ 27034 w 143653"/>
                <a:gd name="connsiteY2" fmla="*/ 453224 h 453224"/>
                <a:gd name="connsiteX3" fmla="*/ 98595 w 143653"/>
                <a:gd name="connsiteY3" fmla="*/ 0 h 45322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143653" h="453224">
                  <a:moveTo>
                    <a:pt x="98595" y="0"/>
                  </a:moveTo>
                  <a:lnTo>
                    <a:pt x="143653" y="145774"/>
                  </a:lnTo>
                  <a:cubicBezTo>
                    <a:pt x="38518" y="232356"/>
                    <a:pt x="50005" y="387847"/>
                    <a:pt x="27034" y="453224"/>
                  </a:cubicBezTo>
                  <a:cubicBezTo>
                    <a:pt x="5831" y="365759"/>
                    <a:pt x="-47179" y="100716"/>
                    <a:pt x="98595" y="0"/>
                  </a:cubicBezTo>
                  <a:close/>
                </a:path>
              </a:pathLst>
            </a:custGeom>
            <a:solidFill>
              <a:schemeClr val="bg1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68" name="자유형: 도형 67">
              <a:extLst>
                <a:ext uri="{FF2B5EF4-FFF2-40B4-BE49-F238E27FC236}">
                  <a16:creationId xmlns:a16="http://schemas.microsoft.com/office/drawing/2014/main" id="{DA97839E-8AFB-4B9F-9CA8-740B072EF2C1}"/>
                </a:ext>
              </a:extLst>
            </p:cNvPr>
            <p:cNvSpPr/>
            <p:nvPr userDrawn="1"/>
          </p:nvSpPr>
          <p:spPr>
            <a:xfrm flipH="1">
              <a:off x="5807099" y="-1556"/>
              <a:ext cx="143653" cy="453224"/>
            </a:xfrm>
            <a:custGeom>
              <a:avLst/>
              <a:gdLst>
                <a:gd name="connsiteX0" fmla="*/ 71561 w 116619"/>
                <a:gd name="connsiteY0" fmla="*/ 0 h 453224"/>
                <a:gd name="connsiteX1" fmla="*/ 116619 w 116619"/>
                <a:gd name="connsiteY1" fmla="*/ 145774 h 453224"/>
                <a:gd name="connsiteX2" fmla="*/ 0 w 116619"/>
                <a:gd name="connsiteY2" fmla="*/ 453224 h 453224"/>
                <a:gd name="connsiteX3" fmla="*/ 71561 w 116619"/>
                <a:gd name="connsiteY3" fmla="*/ 0 h 453224"/>
                <a:gd name="connsiteX0" fmla="*/ 78782 w 123840"/>
                <a:gd name="connsiteY0" fmla="*/ 0 h 453224"/>
                <a:gd name="connsiteX1" fmla="*/ 123840 w 123840"/>
                <a:gd name="connsiteY1" fmla="*/ 145774 h 453224"/>
                <a:gd name="connsiteX2" fmla="*/ 7221 w 123840"/>
                <a:gd name="connsiteY2" fmla="*/ 453224 h 453224"/>
                <a:gd name="connsiteX3" fmla="*/ 78782 w 123840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3711 w 138769"/>
                <a:gd name="connsiteY0" fmla="*/ 0 h 453224"/>
                <a:gd name="connsiteX1" fmla="*/ 138769 w 138769"/>
                <a:gd name="connsiteY1" fmla="*/ 145774 h 453224"/>
                <a:gd name="connsiteX2" fmla="*/ 22150 w 138769"/>
                <a:gd name="connsiteY2" fmla="*/ 453224 h 453224"/>
                <a:gd name="connsiteX3" fmla="*/ 93711 w 138769"/>
                <a:gd name="connsiteY3" fmla="*/ 0 h 453224"/>
                <a:gd name="connsiteX0" fmla="*/ 95845 w 140903"/>
                <a:gd name="connsiteY0" fmla="*/ 0 h 453224"/>
                <a:gd name="connsiteX1" fmla="*/ 140903 w 140903"/>
                <a:gd name="connsiteY1" fmla="*/ 145774 h 453224"/>
                <a:gd name="connsiteX2" fmla="*/ 24284 w 140903"/>
                <a:gd name="connsiteY2" fmla="*/ 453224 h 453224"/>
                <a:gd name="connsiteX3" fmla="*/ 95845 w 140903"/>
                <a:gd name="connsiteY3" fmla="*/ 0 h 453224"/>
                <a:gd name="connsiteX0" fmla="*/ 98595 w 143653"/>
                <a:gd name="connsiteY0" fmla="*/ 0 h 453224"/>
                <a:gd name="connsiteX1" fmla="*/ 143653 w 143653"/>
                <a:gd name="connsiteY1" fmla="*/ 145774 h 453224"/>
                <a:gd name="connsiteX2" fmla="*/ 27034 w 143653"/>
                <a:gd name="connsiteY2" fmla="*/ 453224 h 453224"/>
                <a:gd name="connsiteX3" fmla="*/ 98595 w 143653"/>
                <a:gd name="connsiteY3" fmla="*/ 0 h 45322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143653" h="453224">
                  <a:moveTo>
                    <a:pt x="98595" y="0"/>
                  </a:moveTo>
                  <a:lnTo>
                    <a:pt x="143653" y="145774"/>
                  </a:lnTo>
                  <a:cubicBezTo>
                    <a:pt x="38518" y="232356"/>
                    <a:pt x="50005" y="387847"/>
                    <a:pt x="27034" y="453224"/>
                  </a:cubicBezTo>
                  <a:cubicBezTo>
                    <a:pt x="5831" y="365759"/>
                    <a:pt x="-47179" y="100716"/>
                    <a:pt x="98595" y="0"/>
                  </a:cubicBezTo>
                  <a:close/>
                </a:path>
              </a:pathLst>
            </a:custGeom>
            <a:solidFill>
              <a:schemeClr val="bg1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</p:spTree>
    <p:extLst>
      <p:ext uri="{BB962C8B-B14F-4D97-AF65-F5344CB8AC3E}">
        <p14:creationId xmlns:p14="http://schemas.microsoft.com/office/powerpoint/2010/main" val="9224771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Break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" name="그룹 3">
            <a:extLst>
              <a:ext uri="{FF2B5EF4-FFF2-40B4-BE49-F238E27FC236}">
                <a16:creationId xmlns:a16="http://schemas.microsoft.com/office/drawing/2014/main" id="{46628553-F51C-4CE7-A3A6-AB374655DC97}"/>
              </a:ext>
            </a:extLst>
          </p:cNvPr>
          <p:cNvGrpSpPr/>
          <p:nvPr userDrawn="1"/>
        </p:nvGrpSpPr>
        <p:grpSpPr>
          <a:xfrm>
            <a:off x="786525" y="1114965"/>
            <a:ext cx="2320819" cy="2728174"/>
            <a:chOff x="5364088" y="1450891"/>
            <a:chExt cx="2320819" cy="2728174"/>
          </a:xfrm>
        </p:grpSpPr>
        <p:sp>
          <p:nvSpPr>
            <p:cNvPr id="22" name="자유형: 도형 21">
              <a:extLst>
                <a:ext uri="{FF2B5EF4-FFF2-40B4-BE49-F238E27FC236}">
                  <a16:creationId xmlns:a16="http://schemas.microsoft.com/office/drawing/2014/main" id="{B5880087-04C4-411C-AEAA-74B23548761F}"/>
                </a:ext>
              </a:extLst>
            </p:cNvPr>
            <p:cNvSpPr/>
            <p:nvPr userDrawn="1"/>
          </p:nvSpPr>
          <p:spPr>
            <a:xfrm>
              <a:off x="5399290" y="2150906"/>
              <a:ext cx="2261257" cy="2028159"/>
            </a:xfrm>
            <a:custGeom>
              <a:avLst/>
              <a:gdLst>
                <a:gd name="connsiteX0" fmla="*/ 1012851 w 2261257"/>
                <a:gd name="connsiteY0" fmla="*/ 0 h 2028159"/>
                <a:gd name="connsiteX1" fmla="*/ 1226850 w 2261257"/>
                <a:gd name="connsiteY1" fmla="*/ 0 h 2028159"/>
                <a:gd name="connsiteX2" fmla="*/ 1283043 w 2261257"/>
                <a:gd name="connsiteY2" fmla="*/ 449131 h 2028159"/>
                <a:gd name="connsiteX3" fmla="*/ 1318239 w 2261257"/>
                <a:gd name="connsiteY3" fmla="*/ 455866 h 2028159"/>
                <a:gd name="connsiteX4" fmla="*/ 1530113 w 2261257"/>
                <a:gd name="connsiteY4" fmla="*/ 605602 h 2028159"/>
                <a:gd name="connsiteX5" fmla="*/ 1548314 w 2261257"/>
                <a:gd name="connsiteY5" fmla="*/ 639136 h 2028159"/>
                <a:gd name="connsiteX6" fmla="*/ 1577154 w 2261257"/>
                <a:gd name="connsiteY6" fmla="*/ 636229 h 2028159"/>
                <a:gd name="connsiteX7" fmla="*/ 1914152 w 2261257"/>
                <a:gd name="connsiteY7" fmla="*/ 859606 h 2028159"/>
                <a:gd name="connsiteX8" fmla="*/ 1919810 w 2261257"/>
                <a:gd name="connsiteY8" fmla="*/ 877832 h 2028159"/>
                <a:gd name="connsiteX9" fmla="*/ 1932155 w 2261257"/>
                <a:gd name="connsiteY9" fmla="*/ 874000 h 2028159"/>
                <a:gd name="connsiteX10" fmla="*/ 1981836 w 2261257"/>
                <a:gd name="connsiteY10" fmla="*/ 868991 h 2028159"/>
                <a:gd name="connsiteX11" fmla="*/ 2223343 w 2261257"/>
                <a:gd name="connsiteY11" fmla="*/ 1065825 h 2028159"/>
                <a:gd name="connsiteX12" fmla="*/ 2225319 w 2261257"/>
                <a:gd name="connsiteY12" fmla="*/ 1085429 h 2028159"/>
                <a:gd name="connsiteX13" fmla="*/ 2261257 w 2261257"/>
                <a:gd name="connsiteY13" fmla="*/ 1089052 h 2028159"/>
                <a:gd name="connsiteX14" fmla="*/ 2259340 w 2261257"/>
                <a:gd name="connsiteY14" fmla="*/ 1101612 h 2028159"/>
                <a:gd name="connsiteX15" fmla="*/ 1122505 w 2261257"/>
                <a:gd name="connsiteY15" fmla="*/ 2028159 h 2028159"/>
                <a:gd name="connsiteX16" fmla="*/ 14265 w 2261257"/>
                <a:gd name="connsiteY16" fmla="*/ 1212820 h 2028159"/>
                <a:gd name="connsiteX17" fmla="*/ 0 w 2261257"/>
                <a:gd name="connsiteY17" fmla="*/ 1157341 h 2028159"/>
                <a:gd name="connsiteX18" fmla="*/ 3235 w 2261257"/>
                <a:gd name="connsiteY18" fmla="*/ 1157015 h 2028159"/>
                <a:gd name="connsiteX19" fmla="*/ 87605 w 2261257"/>
                <a:gd name="connsiteY19" fmla="*/ 1165520 h 2028159"/>
                <a:gd name="connsiteX20" fmla="*/ 113456 w 2261257"/>
                <a:gd name="connsiteY20" fmla="*/ 1173545 h 2028159"/>
                <a:gd name="connsiteX21" fmla="*/ 128106 w 2261257"/>
                <a:gd name="connsiteY21" fmla="*/ 1155791 h 2028159"/>
                <a:gd name="connsiteX22" fmla="*/ 424127 w 2261257"/>
                <a:gd name="connsiteY22" fmla="*/ 1033175 h 2028159"/>
                <a:gd name="connsiteX23" fmla="*/ 435940 w 2261257"/>
                <a:gd name="connsiteY23" fmla="*/ 1034366 h 2028159"/>
                <a:gd name="connsiteX24" fmla="*/ 427636 w 2261257"/>
                <a:gd name="connsiteY24" fmla="*/ 1007613 h 2028159"/>
                <a:gd name="connsiteX25" fmla="*/ 424127 w 2261257"/>
                <a:gd name="connsiteY25" fmla="*/ 972807 h 2028159"/>
                <a:gd name="connsiteX26" fmla="*/ 562024 w 2261257"/>
                <a:gd name="connsiteY26" fmla="*/ 803613 h 2028159"/>
                <a:gd name="connsiteX27" fmla="*/ 569156 w 2261257"/>
                <a:gd name="connsiteY27" fmla="*/ 802894 h 2028159"/>
                <a:gd name="connsiteX28" fmla="*/ 573923 w 2261257"/>
                <a:gd name="connsiteY28" fmla="*/ 755602 h 2028159"/>
                <a:gd name="connsiteX29" fmla="*/ 903523 w 2261257"/>
                <a:gd name="connsiteY29" fmla="*/ 486970 h 2028159"/>
                <a:gd name="connsiteX30" fmla="*/ 951321 w 2261257"/>
                <a:gd name="connsiteY30" fmla="*/ 491789 h 202815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</a:cxnLst>
              <a:rect l="l" t="t" r="r" b="b"/>
              <a:pathLst>
                <a:path w="2261257" h="2028159">
                  <a:moveTo>
                    <a:pt x="1012851" y="0"/>
                  </a:moveTo>
                  <a:lnTo>
                    <a:pt x="1226850" y="0"/>
                  </a:lnTo>
                  <a:lnTo>
                    <a:pt x="1283043" y="449131"/>
                  </a:lnTo>
                  <a:lnTo>
                    <a:pt x="1318239" y="455866"/>
                  </a:lnTo>
                  <a:cubicBezTo>
                    <a:pt x="1405884" y="478416"/>
                    <a:pt x="1480818" y="532637"/>
                    <a:pt x="1530113" y="605602"/>
                  </a:cubicBezTo>
                  <a:lnTo>
                    <a:pt x="1548314" y="639136"/>
                  </a:lnTo>
                  <a:lnTo>
                    <a:pt x="1577154" y="636229"/>
                  </a:lnTo>
                  <a:cubicBezTo>
                    <a:pt x="1728648" y="636229"/>
                    <a:pt x="1858629" y="728337"/>
                    <a:pt x="1914152" y="859606"/>
                  </a:cubicBezTo>
                  <a:lnTo>
                    <a:pt x="1919810" y="877832"/>
                  </a:lnTo>
                  <a:lnTo>
                    <a:pt x="1932155" y="874000"/>
                  </a:lnTo>
                  <a:cubicBezTo>
                    <a:pt x="1948202" y="870716"/>
                    <a:pt x="1964818" y="868991"/>
                    <a:pt x="1981836" y="868991"/>
                  </a:cubicBezTo>
                  <a:cubicBezTo>
                    <a:pt x="2100964" y="868991"/>
                    <a:pt x="2200356" y="953493"/>
                    <a:pt x="2223343" y="1065825"/>
                  </a:cubicBezTo>
                  <a:lnTo>
                    <a:pt x="2225319" y="1085429"/>
                  </a:lnTo>
                  <a:lnTo>
                    <a:pt x="2261257" y="1089052"/>
                  </a:lnTo>
                  <a:lnTo>
                    <a:pt x="2259340" y="1101612"/>
                  </a:lnTo>
                  <a:cubicBezTo>
                    <a:pt x="2151136" y="1630392"/>
                    <a:pt x="1683273" y="2028159"/>
                    <a:pt x="1122505" y="2028159"/>
                  </a:cubicBezTo>
                  <a:cubicBezTo>
                    <a:pt x="601793" y="2028159"/>
                    <a:pt x="161186" y="1685186"/>
                    <a:pt x="14265" y="1212820"/>
                  </a:cubicBezTo>
                  <a:lnTo>
                    <a:pt x="0" y="1157341"/>
                  </a:lnTo>
                  <a:lnTo>
                    <a:pt x="3235" y="1157015"/>
                  </a:lnTo>
                  <a:cubicBezTo>
                    <a:pt x="32136" y="1157015"/>
                    <a:pt x="60353" y="1159944"/>
                    <a:pt x="87605" y="1165520"/>
                  </a:cubicBezTo>
                  <a:lnTo>
                    <a:pt x="113456" y="1173545"/>
                  </a:lnTo>
                  <a:lnTo>
                    <a:pt x="128106" y="1155791"/>
                  </a:lnTo>
                  <a:cubicBezTo>
                    <a:pt x="203864" y="1080032"/>
                    <a:pt x="308523" y="1033175"/>
                    <a:pt x="424127" y="1033175"/>
                  </a:cubicBezTo>
                  <a:lnTo>
                    <a:pt x="435940" y="1034366"/>
                  </a:lnTo>
                  <a:lnTo>
                    <a:pt x="427636" y="1007613"/>
                  </a:lnTo>
                  <a:cubicBezTo>
                    <a:pt x="425335" y="996370"/>
                    <a:pt x="424127" y="984730"/>
                    <a:pt x="424127" y="972807"/>
                  </a:cubicBezTo>
                  <a:cubicBezTo>
                    <a:pt x="424127" y="889349"/>
                    <a:pt x="483326" y="819717"/>
                    <a:pt x="562024" y="803613"/>
                  </a:cubicBezTo>
                  <a:lnTo>
                    <a:pt x="569156" y="802894"/>
                  </a:lnTo>
                  <a:lnTo>
                    <a:pt x="573923" y="755602"/>
                  </a:lnTo>
                  <a:cubicBezTo>
                    <a:pt x="605295" y="602294"/>
                    <a:pt x="740941" y="486970"/>
                    <a:pt x="903523" y="486970"/>
                  </a:cubicBezTo>
                  <a:lnTo>
                    <a:pt x="951321" y="491789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ctr">
              <a:noAutofit/>
            </a:bodyPr>
            <a:lstStyle/>
            <a:p>
              <a:pPr algn="ctr"/>
              <a:endParaRPr lang="ko-KR" altLang="en-US"/>
            </a:p>
          </p:txBody>
        </p:sp>
        <p:sp>
          <p:nvSpPr>
            <p:cNvPr id="3" name="타원 2">
              <a:extLst>
                <a:ext uri="{FF2B5EF4-FFF2-40B4-BE49-F238E27FC236}">
                  <a16:creationId xmlns:a16="http://schemas.microsoft.com/office/drawing/2014/main" id="{7EF498E6-9850-42A0-8643-E6250BB46DE0}"/>
                </a:ext>
              </a:extLst>
            </p:cNvPr>
            <p:cNvSpPr/>
            <p:nvPr userDrawn="1"/>
          </p:nvSpPr>
          <p:spPr>
            <a:xfrm>
              <a:off x="5364088" y="1858246"/>
              <a:ext cx="2320819" cy="2320819"/>
            </a:xfrm>
            <a:prstGeom prst="ellipse">
              <a:avLst/>
            </a:prstGeom>
            <a:noFill/>
            <a:ln w="25400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grpSp>
          <p:nvGrpSpPr>
            <p:cNvPr id="8" name="그룹 7">
              <a:extLst>
                <a:ext uri="{FF2B5EF4-FFF2-40B4-BE49-F238E27FC236}">
                  <a16:creationId xmlns:a16="http://schemas.microsoft.com/office/drawing/2014/main" id="{AF789A84-B899-484F-ADA6-1B784064DB8A}"/>
                </a:ext>
              </a:extLst>
            </p:cNvPr>
            <p:cNvGrpSpPr/>
            <p:nvPr userDrawn="1"/>
          </p:nvGrpSpPr>
          <p:grpSpPr>
            <a:xfrm>
              <a:off x="6280305" y="1450891"/>
              <a:ext cx="477626" cy="918140"/>
              <a:chOff x="5304862" y="-789923"/>
              <a:chExt cx="645890" cy="1241591"/>
            </a:xfrm>
          </p:grpSpPr>
          <p:grpSp>
            <p:nvGrpSpPr>
              <p:cNvPr id="9" name="그룹 8">
                <a:extLst>
                  <a:ext uri="{FF2B5EF4-FFF2-40B4-BE49-F238E27FC236}">
                    <a16:creationId xmlns:a16="http://schemas.microsoft.com/office/drawing/2014/main" id="{6DDA03B1-B885-4EB8-9AC5-617A33E28AA0}"/>
                  </a:ext>
                </a:extLst>
              </p:cNvPr>
              <p:cNvGrpSpPr/>
              <p:nvPr userDrawn="1"/>
            </p:nvGrpSpPr>
            <p:grpSpPr>
              <a:xfrm>
                <a:off x="5377232" y="-789923"/>
                <a:ext cx="495969" cy="1052585"/>
                <a:chOff x="5868144" y="-857099"/>
                <a:chExt cx="495969" cy="1052585"/>
              </a:xfrm>
            </p:grpSpPr>
            <p:sp>
              <p:nvSpPr>
                <p:cNvPr id="16" name="이등변 삼각형 49">
                  <a:extLst>
                    <a:ext uri="{FF2B5EF4-FFF2-40B4-BE49-F238E27FC236}">
                      <a16:creationId xmlns:a16="http://schemas.microsoft.com/office/drawing/2014/main" id="{50824863-8B90-4264-9AEB-19AE04C9A70D}"/>
                    </a:ext>
                  </a:extLst>
                </p:cNvPr>
                <p:cNvSpPr/>
                <p:nvPr userDrawn="1"/>
              </p:nvSpPr>
              <p:spPr>
                <a:xfrm>
                  <a:off x="5868144" y="-853769"/>
                  <a:ext cx="495969" cy="1049255"/>
                </a:xfrm>
                <a:custGeom>
                  <a:avLst/>
                  <a:gdLst>
                    <a:gd name="connsiteX0" fmla="*/ 0 w 311344"/>
                    <a:gd name="connsiteY0" fmla="*/ 1049255 h 1049255"/>
                    <a:gd name="connsiteX1" fmla="*/ 155672 w 311344"/>
                    <a:gd name="connsiteY1" fmla="*/ 0 h 1049255"/>
                    <a:gd name="connsiteX2" fmla="*/ 311344 w 311344"/>
                    <a:gd name="connsiteY2" fmla="*/ 1049255 h 1049255"/>
                    <a:gd name="connsiteX3" fmla="*/ 0 w 311344"/>
                    <a:gd name="connsiteY3" fmla="*/ 1049255 h 1049255"/>
                    <a:gd name="connsiteX0" fmla="*/ 45684 w 357028"/>
                    <a:gd name="connsiteY0" fmla="*/ 1049255 h 1049255"/>
                    <a:gd name="connsiteX1" fmla="*/ 201356 w 357028"/>
                    <a:gd name="connsiteY1" fmla="*/ 0 h 1049255"/>
                    <a:gd name="connsiteX2" fmla="*/ 357028 w 357028"/>
                    <a:gd name="connsiteY2" fmla="*/ 1049255 h 1049255"/>
                    <a:gd name="connsiteX3" fmla="*/ 45684 w 357028"/>
                    <a:gd name="connsiteY3" fmla="*/ 1049255 h 1049255"/>
                    <a:gd name="connsiteX0" fmla="*/ 45684 w 416158"/>
                    <a:gd name="connsiteY0" fmla="*/ 1049255 h 1049255"/>
                    <a:gd name="connsiteX1" fmla="*/ 201356 w 416158"/>
                    <a:gd name="connsiteY1" fmla="*/ 0 h 1049255"/>
                    <a:gd name="connsiteX2" fmla="*/ 357028 w 416158"/>
                    <a:gd name="connsiteY2" fmla="*/ 1049255 h 1049255"/>
                    <a:gd name="connsiteX3" fmla="*/ 45684 w 416158"/>
                    <a:gd name="connsiteY3" fmla="*/ 1049255 h 1049255"/>
                    <a:gd name="connsiteX0" fmla="*/ 87161 w 457635"/>
                    <a:gd name="connsiteY0" fmla="*/ 1049255 h 1049255"/>
                    <a:gd name="connsiteX1" fmla="*/ 242833 w 457635"/>
                    <a:gd name="connsiteY1" fmla="*/ 0 h 1049255"/>
                    <a:gd name="connsiteX2" fmla="*/ 398505 w 457635"/>
                    <a:gd name="connsiteY2" fmla="*/ 1049255 h 1049255"/>
                    <a:gd name="connsiteX3" fmla="*/ 87161 w 457635"/>
                    <a:gd name="connsiteY3" fmla="*/ 1049255 h 1049255"/>
                    <a:gd name="connsiteX0" fmla="*/ 87161 w 500627"/>
                    <a:gd name="connsiteY0" fmla="*/ 1049255 h 1049255"/>
                    <a:gd name="connsiteX1" fmla="*/ 242833 w 500627"/>
                    <a:gd name="connsiteY1" fmla="*/ 0 h 1049255"/>
                    <a:gd name="connsiteX2" fmla="*/ 398505 w 500627"/>
                    <a:gd name="connsiteY2" fmla="*/ 1049255 h 1049255"/>
                    <a:gd name="connsiteX3" fmla="*/ 87161 w 500627"/>
                    <a:gd name="connsiteY3" fmla="*/ 1049255 h 1049255"/>
                    <a:gd name="connsiteX0" fmla="*/ 91187 w 504653"/>
                    <a:gd name="connsiteY0" fmla="*/ 1049255 h 1049255"/>
                    <a:gd name="connsiteX1" fmla="*/ 246859 w 504653"/>
                    <a:gd name="connsiteY1" fmla="*/ 0 h 1049255"/>
                    <a:gd name="connsiteX2" fmla="*/ 402531 w 504653"/>
                    <a:gd name="connsiteY2" fmla="*/ 1049255 h 1049255"/>
                    <a:gd name="connsiteX3" fmla="*/ 91187 w 504653"/>
                    <a:gd name="connsiteY3" fmla="*/ 1049255 h 1049255"/>
                    <a:gd name="connsiteX0" fmla="*/ 91187 w 500775"/>
                    <a:gd name="connsiteY0" fmla="*/ 1049255 h 1049255"/>
                    <a:gd name="connsiteX1" fmla="*/ 246859 w 500775"/>
                    <a:gd name="connsiteY1" fmla="*/ 0 h 1049255"/>
                    <a:gd name="connsiteX2" fmla="*/ 402531 w 500775"/>
                    <a:gd name="connsiteY2" fmla="*/ 1049255 h 1049255"/>
                    <a:gd name="connsiteX3" fmla="*/ 91187 w 500775"/>
                    <a:gd name="connsiteY3" fmla="*/ 1049255 h 1049255"/>
                    <a:gd name="connsiteX0" fmla="*/ 91187 w 484758"/>
                    <a:gd name="connsiteY0" fmla="*/ 1049255 h 1049255"/>
                    <a:gd name="connsiteX1" fmla="*/ 246859 w 484758"/>
                    <a:gd name="connsiteY1" fmla="*/ 0 h 1049255"/>
                    <a:gd name="connsiteX2" fmla="*/ 402531 w 484758"/>
                    <a:gd name="connsiteY2" fmla="*/ 1049255 h 1049255"/>
                    <a:gd name="connsiteX3" fmla="*/ 91187 w 484758"/>
                    <a:gd name="connsiteY3" fmla="*/ 1049255 h 1049255"/>
                    <a:gd name="connsiteX0" fmla="*/ 91187 w 488692"/>
                    <a:gd name="connsiteY0" fmla="*/ 1049255 h 1049255"/>
                    <a:gd name="connsiteX1" fmla="*/ 246859 w 488692"/>
                    <a:gd name="connsiteY1" fmla="*/ 0 h 1049255"/>
                    <a:gd name="connsiteX2" fmla="*/ 402531 w 488692"/>
                    <a:gd name="connsiteY2" fmla="*/ 1049255 h 1049255"/>
                    <a:gd name="connsiteX3" fmla="*/ 91187 w 488692"/>
                    <a:gd name="connsiteY3" fmla="*/ 1049255 h 1049255"/>
                    <a:gd name="connsiteX0" fmla="*/ 91187 w 492707"/>
                    <a:gd name="connsiteY0" fmla="*/ 1049255 h 1049255"/>
                    <a:gd name="connsiteX1" fmla="*/ 246859 w 492707"/>
                    <a:gd name="connsiteY1" fmla="*/ 0 h 1049255"/>
                    <a:gd name="connsiteX2" fmla="*/ 402531 w 492707"/>
                    <a:gd name="connsiteY2" fmla="*/ 1049255 h 1049255"/>
                    <a:gd name="connsiteX3" fmla="*/ 91187 w 492707"/>
                    <a:gd name="connsiteY3" fmla="*/ 1049255 h 1049255"/>
                    <a:gd name="connsiteX0" fmla="*/ 95257 w 496777"/>
                    <a:gd name="connsiteY0" fmla="*/ 1049255 h 1049255"/>
                    <a:gd name="connsiteX1" fmla="*/ 250929 w 496777"/>
                    <a:gd name="connsiteY1" fmla="*/ 0 h 1049255"/>
                    <a:gd name="connsiteX2" fmla="*/ 406601 w 496777"/>
                    <a:gd name="connsiteY2" fmla="*/ 1049255 h 1049255"/>
                    <a:gd name="connsiteX3" fmla="*/ 95257 w 496777"/>
                    <a:gd name="connsiteY3" fmla="*/ 1049255 h 1049255"/>
                    <a:gd name="connsiteX0" fmla="*/ 95257 w 485293"/>
                    <a:gd name="connsiteY0" fmla="*/ 1049255 h 1049255"/>
                    <a:gd name="connsiteX1" fmla="*/ 250929 w 485293"/>
                    <a:gd name="connsiteY1" fmla="*/ 0 h 1049255"/>
                    <a:gd name="connsiteX2" fmla="*/ 406601 w 485293"/>
                    <a:gd name="connsiteY2" fmla="*/ 1049255 h 1049255"/>
                    <a:gd name="connsiteX3" fmla="*/ 95257 w 485293"/>
                    <a:gd name="connsiteY3" fmla="*/ 1049255 h 1049255"/>
                    <a:gd name="connsiteX0" fmla="*/ 95257 w 494828"/>
                    <a:gd name="connsiteY0" fmla="*/ 1049255 h 1049255"/>
                    <a:gd name="connsiteX1" fmla="*/ 250929 w 494828"/>
                    <a:gd name="connsiteY1" fmla="*/ 0 h 1049255"/>
                    <a:gd name="connsiteX2" fmla="*/ 406601 w 494828"/>
                    <a:gd name="connsiteY2" fmla="*/ 1049255 h 1049255"/>
                    <a:gd name="connsiteX3" fmla="*/ 95257 w 494828"/>
                    <a:gd name="connsiteY3" fmla="*/ 1049255 h 1049255"/>
                    <a:gd name="connsiteX0" fmla="*/ 95257 w 493814"/>
                    <a:gd name="connsiteY0" fmla="*/ 1049255 h 1049255"/>
                    <a:gd name="connsiteX1" fmla="*/ 250929 w 493814"/>
                    <a:gd name="connsiteY1" fmla="*/ 0 h 1049255"/>
                    <a:gd name="connsiteX2" fmla="*/ 406601 w 493814"/>
                    <a:gd name="connsiteY2" fmla="*/ 1049255 h 1049255"/>
                    <a:gd name="connsiteX3" fmla="*/ 95257 w 493814"/>
                    <a:gd name="connsiteY3" fmla="*/ 1049255 h 1049255"/>
                    <a:gd name="connsiteX0" fmla="*/ 95257 w 496864"/>
                    <a:gd name="connsiteY0" fmla="*/ 1049255 h 1049255"/>
                    <a:gd name="connsiteX1" fmla="*/ 250929 w 496864"/>
                    <a:gd name="connsiteY1" fmla="*/ 0 h 1049255"/>
                    <a:gd name="connsiteX2" fmla="*/ 406601 w 496864"/>
                    <a:gd name="connsiteY2" fmla="*/ 1049255 h 1049255"/>
                    <a:gd name="connsiteX3" fmla="*/ 95257 w 496864"/>
                    <a:gd name="connsiteY3" fmla="*/ 1049255 h 1049255"/>
                    <a:gd name="connsiteX0" fmla="*/ 95257 w 497887"/>
                    <a:gd name="connsiteY0" fmla="*/ 1049255 h 1049255"/>
                    <a:gd name="connsiteX1" fmla="*/ 250929 w 497887"/>
                    <a:gd name="connsiteY1" fmla="*/ 0 h 1049255"/>
                    <a:gd name="connsiteX2" fmla="*/ 406601 w 497887"/>
                    <a:gd name="connsiteY2" fmla="*/ 1049255 h 1049255"/>
                    <a:gd name="connsiteX3" fmla="*/ 95257 w 497887"/>
                    <a:gd name="connsiteY3" fmla="*/ 1049255 h 1049255"/>
                    <a:gd name="connsiteX0" fmla="*/ 95257 w 495969"/>
                    <a:gd name="connsiteY0" fmla="*/ 1049255 h 1049255"/>
                    <a:gd name="connsiteX1" fmla="*/ 250929 w 495969"/>
                    <a:gd name="connsiteY1" fmla="*/ 0 h 1049255"/>
                    <a:gd name="connsiteX2" fmla="*/ 406601 w 495969"/>
                    <a:gd name="connsiteY2" fmla="*/ 1049255 h 1049255"/>
                    <a:gd name="connsiteX3" fmla="*/ 95257 w 495969"/>
                    <a:gd name="connsiteY3" fmla="*/ 1049255 h 104925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495969" h="1049255">
                      <a:moveTo>
                        <a:pt x="95257" y="1049255"/>
                      </a:moveTo>
                      <a:cubicBezTo>
                        <a:pt x="6676" y="723357"/>
                        <a:pt x="-121664" y="317947"/>
                        <a:pt x="250929" y="0"/>
                      </a:cubicBezTo>
                      <a:cubicBezTo>
                        <a:pt x="612920" y="328549"/>
                        <a:pt x="489882" y="781667"/>
                        <a:pt x="406601" y="1049255"/>
                      </a:cubicBezTo>
                      <a:lnTo>
                        <a:pt x="95257" y="1049255"/>
                      </a:lnTo>
                      <a:close/>
                    </a:path>
                  </a:pathLst>
                </a:custGeom>
                <a:solidFill>
                  <a:schemeClr val="bg1">
                    <a:lumMod val="85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 dirty="0"/>
                </a:p>
              </p:txBody>
            </p:sp>
            <p:sp>
              <p:nvSpPr>
                <p:cNvPr id="17" name="자유형: 도형 16">
                  <a:extLst>
                    <a:ext uri="{FF2B5EF4-FFF2-40B4-BE49-F238E27FC236}">
                      <a16:creationId xmlns:a16="http://schemas.microsoft.com/office/drawing/2014/main" id="{3B003EFC-13D2-4BB4-8625-D6DD1D26689C}"/>
                    </a:ext>
                  </a:extLst>
                </p:cNvPr>
                <p:cNvSpPr/>
                <p:nvPr userDrawn="1"/>
              </p:nvSpPr>
              <p:spPr>
                <a:xfrm>
                  <a:off x="5939427" y="102551"/>
                  <a:ext cx="364003" cy="92935"/>
                </a:xfrm>
                <a:custGeom>
                  <a:avLst/>
                  <a:gdLst>
                    <a:gd name="connsiteX0" fmla="*/ 0 w 364003"/>
                    <a:gd name="connsiteY0" fmla="*/ 0 h 92935"/>
                    <a:gd name="connsiteX1" fmla="*/ 364003 w 364003"/>
                    <a:gd name="connsiteY1" fmla="*/ 0 h 92935"/>
                    <a:gd name="connsiteX2" fmla="*/ 336518 w 364003"/>
                    <a:gd name="connsiteY2" fmla="*/ 92935 h 92935"/>
                    <a:gd name="connsiteX3" fmla="*/ 25174 w 364003"/>
                    <a:gd name="connsiteY3" fmla="*/ 92935 h 9293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364003" h="92935">
                      <a:moveTo>
                        <a:pt x="0" y="0"/>
                      </a:moveTo>
                      <a:lnTo>
                        <a:pt x="364003" y="0"/>
                      </a:lnTo>
                      <a:lnTo>
                        <a:pt x="336518" y="92935"/>
                      </a:lnTo>
                      <a:lnTo>
                        <a:pt x="25174" y="92935"/>
                      </a:lnTo>
                      <a:close/>
                    </a:path>
                  </a:pathLst>
                </a:custGeom>
                <a:solidFill>
                  <a:schemeClr val="bg1">
                    <a:lumMod val="65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/>
                </a:p>
              </p:txBody>
            </p:sp>
            <p:sp>
              <p:nvSpPr>
                <p:cNvPr id="18" name="자유형: 도형 17">
                  <a:extLst>
                    <a:ext uri="{FF2B5EF4-FFF2-40B4-BE49-F238E27FC236}">
                      <a16:creationId xmlns:a16="http://schemas.microsoft.com/office/drawing/2014/main" id="{639551A5-A416-4935-A4CA-A8FCF74BAE6A}"/>
                    </a:ext>
                  </a:extLst>
                </p:cNvPr>
                <p:cNvSpPr/>
                <p:nvPr userDrawn="1"/>
              </p:nvSpPr>
              <p:spPr>
                <a:xfrm>
                  <a:off x="5893989" y="-857099"/>
                  <a:ext cx="444279" cy="350537"/>
                </a:xfrm>
                <a:custGeom>
                  <a:avLst/>
                  <a:gdLst>
                    <a:gd name="connsiteX0" fmla="*/ 227272 w 444279"/>
                    <a:gd name="connsiteY0" fmla="*/ 0 h 350537"/>
                    <a:gd name="connsiteX1" fmla="*/ 440556 w 444279"/>
                    <a:gd name="connsiteY1" fmla="*/ 335046 h 350537"/>
                    <a:gd name="connsiteX2" fmla="*/ 444279 w 444279"/>
                    <a:gd name="connsiteY2" fmla="*/ 350537 h 350537"/>
                    <a:gd name="connsiteX3" fmla="*/ 0 w 444279"/>
                    <a:gd name="connsiteY3" fmla="*/ 350537 h 350537"/>
                    <a:gd name="connsiteX4" fmla="*/ 8223 w 444279"/>
                    <a:gd name="connsiteY4" fmla="*/ 318604 h 350537"/>
                    <a:gd name="connsiteX5" fmla="*/ 227272 w 444279"/>
                    <a:gd name="connsiteY5" fmla="*/ 0 h 350537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</a:cxnLst>
                  <a:rect l="l" t="t" r="r" b="b"/>
                  <a:pathLst>
                    <a:path w="444279" h="350537">
                      <a:moveTo>
                        <a:pt x="227272" y="0"/>
                      </a:moveTo>
                      <a:cubicBezTo>
                        <a:pt x="340394" y="102672"/>
                        <a:pt x="406151" y="217508"/>
                        <a:pt x="440556" y="335046"/>
                      </a:cubicBezTo>
                      <a:lnTo>
                        <a:pt x="444279" y="350537"/>
                      </a:lnTo>
                      <a:lnTo>
                        <a:pt x="0" y="350537"/>
                      </a:lnTo>
                      <a:lnTo>
                        <a:pt x="8223" y="318604"/>
                      </a:lnTo>
                      <a:cubicBezTo>
                        <a:pt x="43321" y="207258"/>
                        <a:pt x="110837" y="99358"/>
                        <a:pt x="227272" y="0"/>
                      </a:cubicBezTo>
                      <a:close/>
                    </a:path>
                  </a:pathLst>
                </a:custGeom>
                <a:solidFill>
                  <a:schemeClr val="accent3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/>
                </a:p>
              </p:txBody>
            </p:sp>
          </p:grpSp>
          <p:sp>
            <p:nvSpPr>
              <p:cNvPr id="12" name="타원 11">
                <a:extLst>
                  <a:ext uri="{FF2B5EF4-FFF2-40B4-BE49-F238E27FC236}">
                    <a16:creationId xmlns:a16="http://schemas.microsoft.com/office/drawing/2014/main" id="{A0F64586-2454-49D0-905D-B01E2B155554}"/>
                  </a:ext>
                </a:extLst>
              </p:cNvPr>
              <p:cNvSpPr/>
              <p:nvPr userDrawn="1"/>
            </p:nvSpPr>
            <p:spPr>
              <a:xfrm>
                <a:off x="5535216" y="-351600"/>
                <a:ext cx="180000" cy="180000"/>
              </a:xfrm>
              <a:prstGeom prst="ellipse">
                <a:avLst/>
              </a:prstGeom>
              <a:solidFill>
                <a:schemeClr val="bg1"/>
              </a:solidFill>
              <a:ln w="12700">
                <a:solidFill>
                  <a:schemeClr val="bg1">
                    <a:lumMod val="7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13" name="직사각형 12">
                <a:extLst>
                  <a:ext uri="{FF2B5EF4-FFF2-40B4-BE49-F238E27FC236}">
                    <a16:creationId xmlns:a16="http://schemas.microsoft.com/office/drawing/2014/main" id="{90010C14-1AD7-40EC-9EFB-091EB548BC40}"/>
                  </a:ext>
                </a:extLst>
              </p:cNvPr>
              <p:cNvSpPr/>
              <p:nvPr userDrawn="1"/>
            </p:nvSpPr>
            <p:spPr>
              <a:xfrm flipH="1">
                <a:off x="5614416" y="6445"/>
                <a:ext cx="21600" cy="432000"/>
              </a:xfrm>
              <a:prstGeom prst="rect">
                <a:avLst/>
              </a:pr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14" name="자유형: 도형 13">
                <a:extLst>
                  <a:ext uri="{FF2B5EF4-FFF2-40B4-BE49-F238E27FC236}">
                    <a16:creationId xmlns:a16="http://schemas.microsoft.com/office/drawing/2014/main" id="{54B0A336-7C2F-4F98-ABF5-299D91E12C13}"/>
                  </a:ext>
                </a:extLst>
              </p:cNvPr>
              <p:cNvSpPr/>
              <p:nvPr userDrawn="1"/>
            </p:nvSpPr>
            <p:spPr>
              <a:xfrm>
                <a:off x="5304862" y="-1556"/>
                <a:ext cx="143653" cy="453224"/>
              </a:xfrm>
              <a:custGeom>
                <a:avLst/>
                <a:gdLst>
                  <a:gd name="connsiteX0" fmla="*/ 71561 w 116619"/>
                  <a:gd name="connsiteY0" fmla="*/ 0 h 453224"/>
                  <a:gd name="connsiteX1" fmla="*/ 116619 w 116619"/>
                  <a:gd name="connsiteY1" fmla="*/ 145774 h 453224"/>
                  <a:gd name="connsiteX2" fmla="*/ 0 w 116619"/>
                  <a:gd name="connsiteY2" fmla="*/ 453224 h 453224"/>
                  <a:gd name="connsiteX3" fmla="*/ 71561 w 116619"/>
                  <a:gd name="connsiteY3" fmla="*/ 0 h 453224"/>
                  <a:gd name="connsiteX0" fmla="*/ 78782 w 123840"/>
                  <a:gd name="connsiteY0" fmla="*/ 0 h 453224"/>
                  <a:gd name="connsiteX1" fmla="*/ 123840 w 123840"/>
                  <a:gd name="connsiteY1" fmla="*/ 145774 h 453224"/>
                  <a:gd name="connsiteX2" fmla="*/ 7221 w 123840"/>
                  <a:gd name="connsiteY2" fmla="*/ 453224 h 453224"/>
                  <a:gd name="connsiteX3" fmla="*/ 78782 w 123840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5845 w 140903"/>
                  <a:gd name="connsiteY0" fmla="*/ 0 h 453224"/>
                  <a:gd name="connsiteX1" fmla="*/ 140903 w 140903"/>
                  <a:gd name="connsiteY1" fmla="*/ 145774 h 453224"/>
                  <a:gd name="connsiteX2" fmla="*/ 24284 w 140903"/>
                  <a:gd name="connsiteY2" fmla="*/ 453224 h 453224"/>
                  <a:gd name="connsiteX3" fmla="*/ 95845 w 140903"/>
                  <a:gd name="connsiteY3" fmla="*/ 0 h 453224"/>
                  <a:gd name="connsiteX0" fmla="*/ 98595 w 143653"/>
                  <a:gd name="connsiteY0" fmla="*/ 0 h 453224"/>
                  <a:gd name="connsiteX1" fmla="*/ 143653 w 143653"/>
                  <a:gd name="connsiteY1" fmla="*/ 145774 h 453224"/>
                  <a:gd name="connsiteX2" fmla="*/ 27034 w 143653"/>
                  <a:gd name="connsiteY2" fmla="*/ 453224 h 453224"/>
                  <a:gd name="connsiteX3" fmla="*/ 98595 w 143653"/>
                  <a:gd name="connsiteY3" fmla="*/ 0 h 45322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653" h="453224">
                    <a:moveTo>
                      <a:pt x="98595" y="0"/>
                    </a:moveTo>
                    <a:lnTo>
                      <a:pt x="143653" y="145774"/>
                    </a:lnTo>
                    <a:cubicBezTo>
                      <a:pt x="38518" y="232356"/>
                      <a:pt x="50005" y="387847"/>
                      <a:pt x="27034" y="453224"/>
                    </a:cubicBezTo>
                    <a:cubicBezTo>
                      <a:pt x="5831" y="365759"/>
                      <a:pt x="-47179" y="100716"/>
                      <a:pt x="98595" y="0"/>
                    </a:cubicBezTo>
                    <a:close/>
                  </a:path>
                </a:pathLst>
              </a:cu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15" name="자유형: 도형 14">
                <a:extLst>
                  <a:ext uri="{FF2B5EF4-FFF2-40B4-BE49-F238E27FC236}">
                    <a16:creationId xmlns:a16="http://schemas.microsoft.com/office/drawing/2014/main" id="{2528A48D-D724-4DF8-B31C-D26E111E5960}"/>
                  </a:ext>
                </a:extLst>
              </p:cNvPr>
              <p:cNvSpPr/>
              <p:nvPr userDrawn="1"/>
            </p:nvSpPr>
            <p:spPr>
              <a:xfrm flipH="1">
                <a:off x="5807099" y="-1556"/>
                <a:ext cx="143653" cy="453224"/>
              </a:xfrm>
              <a:custGeom>
                <a:avLst/>
                <a:gdLst>
                  <a:gd name="connsiteX0" fmla="*/ 71561 w 116619"/>
                  <a:gd name="connsiteY0" fmla="*/ 0 h 453224"/>
                  <a:gd name="connsiteX1" fmla="*/ 116619 w 116619"/>
                  <a:gd name="connsiteY1" fmla="*/ 145774 h 453224"/>
                  <a:gd name="connsiteX2" fmla="*/ 0 w 116619"/>
                  <a:gd name="connsiteY2" fmla="*/ 453224 h 453224"/>
                  <a:gd name="connsiteX3" fmla="*/ 71561 w 116619"/>
                  <a:gd name="connsiteY3" fmla="*/ 0 h 453224"/>
                  <a:gd name="connsiteX0" fmla="*/ 78782 w 123840"/>
                  <a:gd name="connsiteY0" fmla="*/ 0 h 453224"/>
                  <a:gd name="connsiteX1" fmla="*/ 123840 w 123840"/>
                  <a:gd name="connsiteY1" fmla="*/ 145774 h 453224"/>
                  <a:gd name="connsiteX2" fmla="*/ 7221 w 123840"/>
                  <a:gd name="connsiteY2" fmla="*/ 453224 h 453224"/>
                  <a:gd name="connsiteX3" fmla="*/ 78782 w 123840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5845 w 140903"/>
                  <a:gd name="connsiteY0" fmla="*/ 0 h 453224"/>
                  <a:gd name="connsiteX1" fmla="*/ 140903 w 140903"/>
                  <a:gd name="connsiteY1" fmla="*/ 145774 h 453224"/>
                  <a:gd name="connsiteX2" fmla="*/ 24284 w 140903"/>
                  <a:gd name="connsiteY2" fmla="*/ 453224 h 453224"/>
                  <a:gd name="connsiteX3" fmla="*/ 95845 w 140903"/>
                  <a:gd name="connsiteY3" fmla="*/ 0 h 453224"/>
                  <a:gd name="connsiteX0" fmla="*/ 98595 w 143653"/>
                  <a:gd name="connsiteY0" fmla="*/ 0 h 453224"/>
                  <a:gd name="connsiteX1" fmla="*/ 143653 w 143653"/>
                  <a:gd name="connsiteY1" fmla="*/ 145774 h 453224"/>
                  <a:gd name="connsiteX2" fmla="*/ 27034 w 143653"/>
                  <a:gd name="connsiteY2" fmla="*/ 453224 h 453224"/>
                  <a:gd name="connsiteX3" fmla="*/ 98595 w 143653"/>
                  <a:gd name="connsiteY3" fmla="*/ 0 h 45322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653" h="453224">
                    <a:moveTo>
                      <a:pt x="98595" y="0"/>
                    </a:moveTo>
                    <a:lnTo>
                      <a:pt x="143653" y="145774"/>
                    </a:lnTo>
                    <a:cubicBezTo>
                      <a:pt x="38518" y="232356"/>
                      <a:pt x="50005" y="387847"/>
                      <a:pt x="27034" y="453224"/>
                    </a:cubicBezTo>
                    <a:cubicBezTo>
                      <a:pt x="5831" y="365759"/>
                      <a:pt x="-47179" y="100716"/>
                      <a:pt x="98595" y="0"/>
                    </a:cubicBezTo>
                    <a:close/>
                  </a:path>
                </a:pathLst>
              </a:cu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</p:grpSp>
      </p:grpSp>
      <p:sp>
        <p:nvSpPr>
          <p:cNvPr id="2" name="Rectangle 1"/>
          <p:cNvSpPr/>
          <p:nvPr userDrawn="1"/>
        </p:nvSpPr>
        <p:spPr>
          <a:xfrm>
            <a:off x="3851920" y="1895103"/>
            <a:ext cx="5292080" cy="1368152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125084" y="2154560"/>
            <a:ext cx="5018916" cy="576064"/>
          </a:xfrm>
          <a:prstGeom prst="rect">
            <a:avLst/>
          </a:prstGeom>
        </p:spPr>
        <p:txBody>
          <a:bodyPr anchor="ctr"/>
          <a:lstStyle>
            <a:lvl1pPr marL="0" indent="0" algn="l">
              <a:buNone/>
              <a:defRPr sz="36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SECTION BREAK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4125084" y="2730624"/>
            <a:ext cx="5018916" cy="288032"/>
          </a:xfrm>
          <a:prstGeom prst="rect">
            <a:avLst/>
          </a:prstGeom>
        </p:spPr>
        <p:txBody>
          <a:bodyPr anchor="ctr"/>
          <a:lstStyle>
            <a:lvl1pPr marL="0" indent="0" algn="l">
              <a:buNone/>
              <a:defRPr sz="14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</p:spTree>
    <p:extLst>
      <p:ext uri="{BB962C8B-B14F-4D97-AF65-F5344CB8AC3E}">
        <p14:creationId xmlns:p14="http://schemas.microsoft.com/office/powerpoint/2010/main" val="17382354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68100007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genda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8757120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asic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23478"/>
            <a:ext cx="9144000" cy="576064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36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699542"/>
            <a:ext cx="9144000" cy="288032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4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  <p:sp>
        <p:nvSpPr>
          <p:cNvPr id="4" name="Rectangle 3"/>
          <p:cNvSpPr/>
          <p:nvPr userDrawn="1"/>
        </p:nvSpPr>
        <p:spPr>
          <a:xfrm>
            <a:off x="0" y="4948014"/>
            <a:ext cx="9144000" cy="216024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l"/>
            <a:endParaRPr lang="ko-KR" altLang="en-US"/>
          </a:p>
        </p:txBody>
      </p:sp>
      <p:grpSp>
        <p:nvGrpSpPr>
          <p:cNvPr id="6" name="그룹 5">
            <a:extLst>
              <a:ext uri="{FF2B5EF4-FFF2-40B4-BE49-F238E27FC236}">
                <a16:creationId xmlns:a16="http://schemas.microsoft.com/office/drawing/2014/main" id="{3F6939C0-0F9C-4BB0-BE6D-CDFDBD48B8E1}"/>
              </a:ext>
            </a:extLst>
          </p:cNvPr>
          <p:cNvGrpSpPr/>
          <p:nvPr userDrawn="1"/>
        </p:nvGrpSpPr>
        <p:grpSpPr>
          <a:xfrm>
            <a:off x="8001641" y="3940074"/>
            <a:ext cx="1142359" cy="1189066"/>
            <a:chOff x="4572000" y="387072"/>
            <a:chExt cx="4569687" cy="4756528"/>
          </a:xfrm>
        </p:grpSpPr>
        <p:sp>
          <p:nvSpPr>
            <p:cNvPr id="7" name="자유형: 도형 6">
              <a:extLst>
                <a:ext uri="{FF2B5EF4-FFF2-40B4-BE49-F238E27FC236}">
                  <a16:creationId xmlns:a16="http://schemas.microsoft.com/office/drawing/2014/main" id="{D9278269-D816-4377-921A-50AEC083B847}"/>
                </a:ext>
              </a:extLst>
            </p:cNvPr>
            <p:cNvSpPr/>
            <p:nvPr userDrawn="1"/>
          </p:nvSpPr>
          <p:spPr>
            <a:xfrm>
              <a:off x="4572000" y="1408870"/>
              <a:ext cx="4569687" cy="3734730"/>
            </a:xfrm>
            <a:custGeom>
              <a:avLst/>
              <a:gdLst>
                <a:gd name="connsiteX0" fmla="*/ 2611712 w 4569687"/>
                <a:gd name="connsiteY0" fmla="*/ 0 h 3734631"/>
                <a:gd name="connsiteX1" fmla="*/ 2927539 w 4569687"/>
                <a:gd name="connsiteY1" fmla="*/ 0 h 3734631"/>
                <a:gd name="connsiteX2" fmla="*/ 3010471 w 4569687"/>
                <a:gd name="connsiteY2" fmla="*/ 662843 h 3734631"/>
                <a:gd name="connsiteX3" fmla="*/ 3062414 w 4569687"/>
                <a:gd name="connsiteY3" fmla="*/ 672782 h 3734631"/>
                <a:gd name="connsiteX4" fmla="*/ 3375104 w 4569687"/>
                <a:gd name="connsiteY4" fmla="*/ 893768 h 3734631"/>
                <a:gd name="connsiteX5" fmla="*/ 3401966 w 4569687"/>
                <a:gd name="connsiteY5" fmla="*/ 943258 h 3734631"/>
                <a:gd name="connsiteX6" fmla="*/ 3444529 w 4569687"/>
                <a:gd name="connsiteY6" fmla="*/ 938967 h 3734631"/>
                <a:gd name="connsiteX7" fmla="*/ 3941882 w 4569687"/>
                <a:gd name="connsiteY7" fmla="*/ 1268635 h 3734631"/>
                <a:gd name="connsiteX8" fmla="*/ 3950232 w 4569687"/>
                <a:gd name="connsiteY8" fmla="*/ 1295533 h 3734631"/>
                <a:gd name="connsiteX9" fmla="*/ 3968452 w 4569687"/>
                <a:gd name="connsiteY9" fmla="*/ 1289878 h 3734631"/>
                <a:gd name="connsiteX10" fmla="*/ 4041773 w 4569687"/>
                <a:gd name="connsiteY10" fmla="*/ 1282486 h 3734631"/>
                <a:gd name="connsiteX11" fmla="*/ 4398197 w 4569687"/>
                <a:gd name="connsiteY11" fmla="*/ 1572980 h 3734631"/>
                <a:gd name="connsiteX12" fmla="*/ 4401113 w 4569687"/>
                <a:gd name="connsiteY12" fmla="*/ 1601912 h 3734631"/>
                <a:gd name="connsiteX13" fmla="*/ 4509768 w 4569687"/>
                <a:gd name="connsiteY13" fmla="*/ 1612865 h 3734631"/>
                <a:gd name="connsiteX14" fmla="*/ 4569687 w 4569687"/>
                <a:gd name="connsiteY14" fmla="*/ 1630661 h 3734631"/>
                <a:gd name="connsiteX15" fmla="*/ 4569687 w 4569687"/>
                <a:gd name="connsiteY15" fmla="*/ 3685776 h 3734631"/>
                <a:gd name="connsiteX16" fmla="*/ 4479175 w 4569687"/>
                <a:gd name="connsiteY16" fmla="*/ 3694900 h 3734631"/>
                <a:gd name="connsiteX17" fmla="*/ 4083674 w 4569687"/>
                <a:gd name="connsiteY17" fmla="*/ 3574092 h 3734631"/>
                <a:gd name="connsiteX18" fmla="*/ 4051094 w 4569687"/>
                <a:gd name="connsiteY18" fmla="*/ 3547210 h 3734631"/>
                <a:gd name="connsiteX19" fmla="*/ 4009782 w 4569687"/>
                <a:gd name="connsiteY19" fmla="*/ 3581295 h 3734631"/>
                <a:gd name="connsiteX20" fmla="*/ 3782104 w 4569687"/>
                <a:gd name="connsiteY20" fmla="*/ 3650841 h 3734631"/>
                <a:gd name="connsiteX21" fmla="*/ 3494159 w 4569687"/>
                <a:gd name="connsiteY21" fmla="*/ 3531570 h 3734631"/>
                <a:gd name="connsiteX22" fmla="*/ 3452428 w 4569687"/>
                <a:gd name="connsiteY22" fmla="*/ 3480992 h 3734631"/>
                <a:gd name="connsiteX23" fmla="*/ 3441126 w 4569687"/>
                <a:gd name="connsiteY23" fmla="*/ 3501813 h 3734631"/>
                <a:gd name="connsiteX24" fmla="*/ 3103456 w 4569687"/>
                <a:gd name="connsiteY24" fmla="*/ 3681351 h 3734631"/>
                <a:gd name="connsiteX25" fmla="*/ 2815511 w 4569687"/>
                <a:gd name="connsiteY25" fmla="*/ 3562080 h 3734631"/>
                <a:gd name="connsiteX26" fmla="*/ 2772231 w 4569687"/>
                <a:gd name="connsiteY26" fmla="*/ 3509625 h 3734631"/>
                <a:gd name="connsiteX27" fmla="*/ 2697608 w 4569687"/>
                <a:gd name="connsiteY27" fmla="*/ 3571194 h 3734631"/>
                <a:gd name="connsiteX28" fmla="*/ 2162552 w 4569687"/>
                <a:gd name="connsiteY28" fmla="*/ 3734631 h 3734631"/>
                <a:gd name="connsiteX29" fmla="*/ 1369010 w 4569687"/>
                <a:gd name="connsiteY29" fmla="*/ 3312708 h 3734631"/>
                <a:gd name="connsiteX30" fmla="*/ 1363923 w 4569687"/>
                <a:gd name="connsiteY30" fmla="*/ 3304336 h 3734631"/>
                <a:gd name="connsiteX31" fmla="*/ 1334207 w 4569687"/>
                <a:gd name="connsiteY31" fmla="*/ 3340352 h 3734631"/>
                <a:gd name="connsiteX32" fmla="*/ 1046262 w 4569687"/>
                <a:gd name="connsiteY32" fmla="*/ 3459623 h 3734631"/>
                <a:gd name="connsiteX33" fmla="*/ 647319 w 4569687"/>
                <a:gd name="connsiteY33" fmla="*/ 3134475 h 3734631"/>
                <a:gd name="connsiteX34" fmla="*/ 642925 w 4569687"/>
                <a:gd name="connsiteY34" fmla="*/ 3090891 h 3734631"/>
                <a:gd name="connsiteX35" fmla="*/ 634894 w 4569687"/>
                <a:gd name="connsiteY35" fmla="*/ 3098188 h 3734631"/>
                <a:gd name="connsiteX36" fmla="*/ 407216 w 4569687"/>
                <a:gd name="connsiteY36" fmla="*/ 3167734 h 3734631"/>
                <a:gd name="connsiteX37" fmla="*/ 0 w 4569687"/>
                <a:gd name="connsiteY37" fmla="*/ 2760518 h 3734631"/>
                <a:gd name="connsiteX38" fmla="*/ 407216 w 4569687"/>
                <a:gd name="connsiteY38" fmla="*/ 2353302 h 3734631"/>
                <a:gd name="connsiteX39" fmla="*/ 489284 w 4569687"/>
                <a:gd name="connsiteY39" fmla="*/ 2361575 h 3734631"/>
                <a:gd name="connsiteX40" fmla="*/ 508084 w 4569687"/>
                <a:gd name="connsiteY40" fmla="*/ 2367411 h 3734631"/>
                <a:gd name="connsiteX41" fmla="*/ 503849 w 4569687"/>
                <a:gd name="connsiteY41" fmla="*/ 2325400 h 3734631"/>
                <a:gd name="connsiteX42" fmla="*/ 1121688 w 4569687"/>
                <a:gd name="connsiteY42" fmla="*/ 1707561 h 3734631"/>
                <a:gd name="connsiteX43" fmla="*/ 1246204 w 4569687"/>
                <a:gd name="connsiteY43" fmla="*/ 1720113 h 3734631"/>
                <a:gd name="connsiteX44" fmla="*/ 1284356 w 4569687"/>
                <a:gd name="connsiteY44" fmla="*/ 1731957 h 3734631"/>
                <a:gd name="connsiteX45" fmla="*/ 1305976 w 4569687"/>
                <a:gd name="connsiteY45" fmla="*/ 1705754 h 3734631"/>
                <a:gd name="connsiteX46" fmla="*/ 1742854 w 4569687"/>
                <a:gd name="connsiteY46" fmla="*/ 1524793 h 3734631"/>
                <a:gd name="connsiteX47" fmla="*/ 1760288 w 4569687"/>
                <a:gd name="connsiteY47" fmla="*/ 1526551 h 3734631"/>
                <a:gd name="connsiteX48" fmla="*/ 1748032 w 4569687"/>
                <a:gd name="connsiteY48" fmla="*/ 1487068 h 3734631"/>
                <a:gd name="connsiteX49" fmla="*/ 1742854 w 4569687"/>
                <a:gd name="connsiteY49" fmla="*/ 1435701 h 3734631"/>
                <a:gd name="connsiteX50" fmla="*/ 1946367 w 4569687"/>
                <a:gd name="connsiteY50" fmla="*/ 1185999 h 3734631"/>
                <a:gd name="connsiteX51" fmla="*/ 1956892 w 4569687"/>
                <a:gd name="connsiteY51" fmla="*/ 1184938 h 3734631"/>
                <a:gd name="connsiteX52" fmla="*/ 1963928 w 4569687"/>
                <a:gd name="connsiteY52" fmla="*/ 1115143 h 3734631"/>
                <a:gd name="connsiteX53" fmla="*/ 2450363 w 4569687"/>
                <a:gd name="connsiteY53" fmla="*/ 718687 h 3734631"/>
                <a:gd name="connsiteX54" fmla="*/ 2520904 w 4569687"/>
                <a:gd name="connsiteY54" fmla="*/ 725798 h 3734631"/>
                <a:gd name="connsiteX0" fmla="*/ 2611712 w 4569687"/>
                <a:gd name="connsiteY0" fmla="*/ 0 h 3734631"/>
                <a:gd name="connsiteX1" fmla="*/ 2927539 w 4569687"/>
                <a:gd name="connsiteY1" fmla="*/ 0 h 3734631"/>
                <a:gd name="connsiteX2" fmla="*/ 3010471 w 4569687"/>
                <a:gd name="connsiteY2" fmla="*/ 662843 h 3734631"/>
                <a:gd name="connsiteX3" fmla="*/ 3062414 w 4569687"/>
                <a:gd name="connsiteY3" fmla="*/ 672782 h 3734631"/>
                <a:gd name="connsiteX4" fmla="*/ 3375104 w 4569687"/>
                <a:gd name="connsiteY4" fmla="*/ 893768 h 3734631"/>
                <a:gd name="connsiteX5" fmla="*/ 3401966 w 4569687"/>
                <a:gd name="connsiteY5" fmla="*/ 943258 h 3734631"/>
                <a:gd name="connsiteX6" fmla="*/ 3444529 w 4569687"/>
                <a:gd name="connsiteY6" fmla="*/ 938967 h 3734631"/>
                <a:gd name="connsiteX7" fmla="*/ 3941882 w 4569687"/>
                <a:gd name="connsiteY7" fmla="*/ 1268635 h 3734631"/>
                <a:gd name="connsiteX8" fmla="*/ 3950232 w 4569687"/>
                <a:gd name="connsiteY8" fmla="*/ 1295533 h 3734631"/>
                <a:gd name="connsiteX9" fmla="*/ 3968452 w 4569687"/>
                <a:gd name="connsiteY9" fmla="*/ 1289878 h 3734631"/>
                <a:gd name="connsiteX10" fmla="*/ 4041773 w 4569687"/>
                <a:gd name="connsiteY10" fmla="*/ 1282486 h 3734631"/>
                <a:gd name="connsiteX11" fmla="*/ 4398197 w 4569687"/>
                <a:gd name="connsiteY11" fmla="*/ 1572980 h 3734631"/>
                <a:gd name="connsiteX12" fmla="*/ 4401113 w 4569687"/>
                <a:gd name="connsiteY12" fmla="*/ 1601912 h 3734631"/>
                <a:gd name="connsiteX13" fmla="*/ 4509768 w 4569687"/>
                <a:gd name="connsiteY13" fmla="*/ 1612865 h 3734631"/>
                <a:gd name="connsiteX14" fmla="*/ 4569687 w 4569687"/>
                <a:gd name="connsiteY14" fmla="*/ 1630661 h 3734631"/>
                <a:gd name="connsiteX15" fmla="*/ 4569687 w 4569687"/>
                <a:gd name="connsiteY15" fmla="*/ 3685776 h 3734631"/>
                <a:gd name="connsiteX16" fmla="*/ 4479175 w 4569687"/>
                <a:gd name="connsiteY16" fmla="*/ 3694900 h 3734631"/>
                <a:gd name="connsiteX17" fmla="*/ 4083674 w 4569687"/>
                <a:gd name="connsiteY17" fmla="*/ 3574092 h 3734631"/>
                <a:gd name="connsiteX18" fmla="*/ 4051094 w 4569687"/>
                <a:gd name="connsiteY18" fmla="*/ 3547210 h 3734631"/>
                <a:gd name="connsiteX19" fmla="*/ 4009782 w 4569687"/>
                <a:gd name="connsiteY19" fmla="*/ 3581295 h 3734631"/>
                <a:gd name="connsiteX20" fmla="*/ 3782104 w 4569687"/>
                <a:gd name="connsiteY20" fmla="*/ 3650841 h 3734631"/>
                <a:gd name="connsiteX21" fmla="*/ 3494159 w 4569687"/>
                <a:gd name="connsiteY21" fmla="*/ 3531570 h 3734631"/>
                <a:gd name="connsiteX22" fmla="*/ 3452428 w 4569687"/>
                <a:gd name="connsiteY22" fmla="*/ 3480992 h 3734631"/>
                <a:gd name="connsiteX23" fmla="*/ 3441126 w 4569687"/>
                <a:gd name="connsiteY23" fmla="*/ 3501813 h 3734631"/>
                <a:gd name="connsiteX24" fmla="*/ 3103456 w 4569687"/>
                <a:gd name="connsiteY24" fmla="*/ 3681351 h 3734631"/>
                <a:gd name="connsiteX25" fmla="*/ 2815511 w 4569687"/>
                <a:gd name="connsiteY25" fmla="*/ 3562080 h 3734631"/>
                <a:gd name="connsiteX26" fmla="*/ 2772231 w 4569687"/>
                <a:gd name="connsiteY26" fmla="*/ 3509625 h 3734631"/>
                <a:gd name="connsiteX27" fmla="*/ 2697608 w 4569687"/>
                <a:gd name="connsiteY27" fmla="*/ 3571194 h 3734631"/>
                <a:gd name="connsiteX28" fmla="*/ 2162552 w 4569687"/>
                <a:gd name="connsiteY28" fmla="*/ 3734631 h 3734631"/>
                <a:gd name="connsiteX29" fmla="*/ 1369010 w 4569687"/>
                <a:gd name="connsiteY29" fmla="*/ 3312708 h 3734631"/>
                <a:gd name="connsiteX30" fmla="*/ 1334207 w 4569687"/>
                <a:gd name="connsiteY30" fmla="*/ 3340352 h 3734631"/>
                <a:gd name="connsiteX31" fmla="*/ 1046262 w 4569687"/>
                <a:gd name="connsiteY31" fmla="*/ 3459623 h 3734631"/>
                <a:gd name="connsiteX32" fmla="*/ 647319 w 4569687"/>
                <a:gd name="connsiteY32" fmla="*/ 3134475 h 3734631"/>
                <a:gd name="connsiteX33" fmla="*/ 642925 w 4569687"/>
                <a:gd name="connsiteY33" fmla="*/ 3090891 h 3734631"/>
                <a:gd name="connsiteX34" fmla="*/ 634894 w 4569687"/>
                <a:gd name="connsiteY34" fmla="*/ 3098188 h 3734631"/>
                <a:gd name="connsiteX35" fmla="*/ 407216 w 4569687"/>
                <a:gd name="connsiteY35" fmla="*/ 3167734 h 3734631"/>
                <a:gd name="connsiteX36" fmla="*/ 0 w 4569687"/>
                <a:gd name="connsiteY36" fmla="*/ 2760518 h 3734631"/>
                <a:gd name="connsiteX37" fmla="*/ 407216 w 4569687"/>
                <a:gd name="connsiteY37" fmla="*/ 2353302 h 3734631"/>
                <a:gd name="connsiteX38" fmla="*/ 489284 w 4569687"/>
                <a:gd name="connsiteY38" fmla="*/ 2361575 h 3734631"/>
                <a:gd name="connsiteX39" fmla="*/ 508084 w 4569687"/>
                <a:gd name="connsiteY39" fmla="*/ 2367411 h 3734631"/>
                <a:gd name="connsiteX40" fmla="*/ 503849 w 4569687"/>
                <a:gd name="connsiteY40" fmla="*/ 2325400 h 3734631"/>
                <a:gd name="connsiteX41" fmla="*/ 1121688 w 4569687"/>
                <a:gd name="connsiteY41" fmla="*/ 1707561 h 3734631"/>
                <a:gd name="connsiteX42" fmla="*/ 1246204 w 4569687"/>
                <a:gd name="connsiteY42" fmla="*/ 1720113 h 3734631"/>
                <a:gd name="connsiteX43" fmla="*/ 1284356 w 4569687"/>
                <a:gd name="connsiteY43" fmla="*/ 1731957 h 3734631"/>
                <a:gd name="connsiteX44" fmla="*/ 1305976 w 4569687"/>
                <a:gd name="connsiteY44" fmla="*/ 1705754 h 3734631"/>
                <a:gd name="connsiteX45" fmla="*/ 1742854 w 4569687"/>
                <a:gd name="connsiteY45" fmla="*/ 1524793 h 3734631"/>
                <a:gd name="connsiteX46" fmla="*/ 1760288 w 4569687"/>
                <a:gd name="connsiteY46" fmla="*/ 1526551 h 3734631"/>
                <a:gd name="connsiteX47" fmla="*/ 1748032 w 4569687"/>
                <a:gd name="connsiteY47" fmla="*/ 1487068 h 3734631"/>
                <a:gd name="connsiteX48" fmla="*/ 1742854 w 4569687"/>
                <a:gd name="connsiteY48" fmla="*/ 1435701 h 3734631"/>
                <a:gd name="connsiteX49" fmla="*/ 1946367 w 4569687"/>
                <a:gd name="connsiteY49" fmla="*/ 1185999 h 3734631"/>
                <a:gd name="connsiteX50" fmla="*/ 1956892 w 4569687"/>
                <a:gd name="connsiteY50" fmla="*/ 1184938 h 3734631"/>
                <a:gd name="connsiteX51" fmla="*/ 1963928 w 4569687"/>
                <a:gd name="connsiteY51" fmla="*/ 1115143 h 3734631"/>
                <a:gd name="connsiteX52" fmla="*/ 2450363 w 4569687"/>
                <a:gd name="connsiteY52" fmla="*/ 718687 h 3734631"/>
                <a:gd name="connsiteX53" fmla="*/ 2520904 w 4569687"/>
                <a:gd name="connsiteY53" fmla="*/ 725798 h 3734631"/>
                <a:gd name="connsiteX54" fmla="*/ 2611712 w 4569687"/>
                <a:gd name="connsiteY54" fmla="*/ 0 h 3734631"/>
                <a:gd name="connsiteX0" fmla="*/ 2611712 w 4569687"/>
                <a:gd name="connsiteY0" fmla="*/ 0 h 3743131"/>
                <a:gd name="connsiteX1" fmla="*/ 2927539 w 4569687"/>
                <a:gd name="connsiteY1" fmla="*/ 0 h 3743131"/>
                <a:gd name="connsiteX2" fmla="*/ 3010471 w 4569687"/>
                <a:gd name="connsiteY2" fmla="*/ 662843 h 3743131"/>
                <a:gd name="connsiteX3" fmla="*/ 3062414 w 4569687"/>
                <a:gd name="connsiteY3" fmla="*/ 672782 h 3743131"/>
                <a:gd name="connsiteX4" fmla="*/ 3375104 w 4569687"/>
                <a:gd name="connsiteY4" fmla="*/ 893768 h 3743131"/>
                <a:gd name="connsiteX5" fmla="*/ 3401966 w 4569687"/>
                <a:gd name="connsiteY5" fmla="*/ 943258 h 3743131"/>
                <a:gd name="connsiteX6" fmla="*/ 3444529 w 4569687"/>
                <a:gd name="connsiteY6" fmla="*/ 938967 h 3743131"/>
                <a:gd name="connsiteX7" fmla="*/ 3941882 w 4569687"/>
                <a:gd name="connsiteY7" fmla="*/ 1268635 h 3743131"/>
                <a:gd name="connsiteX8" fmla="*/ 3950232 w 4569687"/>
                <a:gd name="connsiteY8" fmla="*/ 1295533 h 3743131"/>
                <a:gd name="connsiteX9" fmla="*/ 3968452 w 4569687"/>
                <a:gd name="connsiteY9" fmla="*/ 1289878 h 3743131"/>
                <a:gd name="connsiteX10" fmla="*/ 4041773 w 4569687"/>
                <a:gd name="connsiteY10" fmla="*/ 1282486 h 3743131"/>
                <a:gd name="connsiteX11" fmla="*/ 4398197 w 4569687"/>
                <a:gd name="connsiteY11" fmla="*/ 1572980 h 3743131"/>
                <a:gd name="connsiteX12" fmla="*/ 4401113 w 4569687"/>
                <a:gd name="connsiteY12" fmla="*/ 1601912 h 3743131"/>
                <a:gd name="connsiteX13" fmla="*/ 4509768 w 4569687"/>
                <a:gd name="connsiteY13" fmla="*/ 1612865 h 3743131"/>
                <a:gd name="connsiteX14" fmla="*/ 4569687 w 4569687"/>
                <a:gd name="connsiteY14" fmla="*/ 1630661 h 3743131"/>
                <a:gd name="connsiteX15" fmla="*/ 4569687 w 4569687"/>
                <a:gd name="connsiteY15" fmla="*/ 3685776 h 3743131"/>
                <a:gd name="connsiteX16" fmla="*/ 4479175 w 4569687"/>
                <a:gd name="connsiteY16" fmla="*/ 3694900 h 3743131"/>
                <a:gd name="connsiteX17" fmla="*/ 4083674 w 4569687"/>
                <a:gd name="connsiteY17" fmla="*/ 3574092 h 3743131"/>
                <a:gd name="connsiteX18" fmla="*/ 4051094 w 4569687"/>
                <a:gd name="connsiteY18" fmla="*/ 3547210 h 3743131"/>
                <a:gd name="connsiteX19" fmla="*/ 4009782 w 4569687"/>
                <a:gd name="connsiteY19" fmla="*/ 3581295 h 3743131"/>
                <a:gd name="connsiteX20" fmla="*/ 3782104 w 4569687"/>
                <a:gd name="connsiteY20" fmla="*/ 3650841 h 3743131"/>
                <a:gd name="connsiteX21" fmla="*/ 3494159 w 4569687"/>
                <a:gd name="connsiteY21" fmla="*/ 3531570 h 3743131"/>
                <a:gd name="connsiteX22" fmla="*/ 3452428 w 4569687"/>
                <a:gd name="connsiteY22" fmla="*/ 3480992 h 3743131"/>
                <a:gd name="connsiteX23" fmla="*/ 3441126 w 4569687"/>
                <a:gd name="connsiteY23" fmla="*/ 3501813 h 3743131"/>
                <a:gd name="connsiteX24" fmla="*/ 3103456 w 4569687"/>
                <a:gd name="connsiteY24" fmla="*/ 3681351 h 3743131"/>
                <a:gd name="connsiteX25" fmla="*/ 2815511 w 4569687"/>
                <a:gd name="connsiteY25" fmla="*/ 3562080 h 3743131"/>
                <a:gd name="connsiteX26" fmla="*/ 2772231 w 4569687"/>
                <a:gd name="connsiteY26" fmla="*/ 3509625 h 3743131"/>
                <a:gd name="connsiteX27" fmla="*/ 2697608 w 4569687"/>
                <a:gd name="connsiteY27" fmla="*/ 3571194 h 3743131"/>
                <a:gd name="connsiteX28" fmla="*/ 2162552 w 4569687"/>
                <a:gd name="connsiteY28" fmla="*/ 3734631 h 3743131"/>
                <a:gd name="connsiteX29" fmla="*/ 1334207 w 4569687"/>
                <a:gd name="connsiteY29" fmla="*/ 3340352 h 3743131"/>
                <a:gd name="connsiteX30" fmla="*/ 1046262 w 4569687"/>
                <a:gd name="connsiteY30" fmla="*/ 3459623 h 3743131"/>
                <a:gd name="connsiteX31" fmla="*/ 647319 w 4569687"/>
                <a:gd name="connsiteY31" fmla="*/ 3134475 h 3743131"/>
                <a:gd name="connsiteX32" fmla="*/ 642925 w 4569687"/>
                <a:gd name="connsiteY32" fmla="*/ 3090891 h 3743131"/>
                <a:gd name="connsiteX33" fmla="*/ 634894 w 4569687"/>
                <a:gd name="connsiteY33" fmla="*/ 3098188 h 3743131"/>
                <a:gd name="connsiteX34" fmla="*/ 407216 w 4569687"/>
                <a:gd name="connsiteY34" fmla="*/ 3167734 h 3743131"/>
                <a:gd name="connsiteX35" fmla="*/ 0 w 4569687"/>
                <a:gd name="connsiteY35" fmla="*/ 2760518 h 3743131"/>
                <a:gd name="connsiteX36" fmla="*/ 407216 w 4569687"/>
                <a:gd name="connsiteY36" fmla="*/ 2353302 h 3743131"/>
                <a:gd name="connsiteX37" fmla="*/ 489284 w 4569687"/>
                <a:gd name="connsiteY37" fmla="*/ 2361575 h 3743131"/>
                <a:gd name="connsiteX38" fmla="*/ 508084 w 4569687"/>
                <a:gd name="connsiteY38" fmla="*/ 2367411 h 3743131"/>
                <a:gd name="connsiteX39" fmla="*/ 503849 w 4569687"/>
                <a:gd name="connsiteY39" fmla="*/ 2325400 h 3743131"/>
                <a:gd name="connsiteX40" fmla="*/ 1121688 w 4569687"/>
                <a:gd name="connsiteY40" fmla="*/ 1707561 h 3743131"/>
                <a:gd name="connsiteX41" fmla="*/ 1246204 w 4569687"/>
                <a:gd name="connsiteY41" fmla="*/ 1720113 h 3743131"/>
                <a:gd name="connsiteX42" fmla="*/ 1284356 w 4569687"/>
                <a:gd name="connsiteY42" fmla="*/ 1731957 h 3743131"/>
                <a:gd name="connsiteX43" fmla="*/ 1305976 w 4569687"/>
                <a:gd name="connsiteY43" fmla="*/ 1705754 h 3743131"/>
                <a:gd name="connsiteX44" fmla="*/ 1742854 w 4569687"/>
                <a:gd name="connsiteY44" fmla="*/ 1524793 h 3743131"/>
                <a:gd name="connsiteX45" fmla="*/ 1760288 w 4569687"/>
                <a:gd name="connsiteY45" fmla="*/ 1526551 h 3743131"/>
                <a:gd name="connsiteX46" fmla="*/ 1748032 w 4569687"/>
                <a:gd name="connsiteY46" fmla="*/ 1487068 h 3743131"/>
                <a:gd name="connsiteX47" fmla="*/ 1742854 w 4569687"/>
                <a:gd name="connsiteY47" fmla="*/ 1435701 h 3743131"/>
                <a:gd name="connsiteX48" fmla="*/ 1946367 w 4569687"/>
                <a:gd name="connsiteY48" fmla="*/ 1185999 h 3743131"/>
                <a:gd name="connsiteX49" fmla="*/ 1956892 w 4569687"/>
                <a:gd name="connsiteY49" fmla="*/ 1184938 h 3743131"/>
                <a:gd name="connsiteX50" fmla="*/ 1963928 w 4569687"/>
                <a:gd name="connsiteY50" fmla="*/ 1115143 h 3743131"/>
                <a:gd name="connsiteX51" fmla="*/ 2450363 w 4569687"/>
                <a:gd name="connsiteY51" fmla="*/ 718687 h 3743131"/>
                <a:gd name="connsiteX52" fmla="*/ 2520904 w 4569687"/>
                <a:gd name="connsiteY52" fmla="*/ 725798 h 3743131"/>
                <a:gd name="connsiteX53" fmla="*/ 2611712 w 4569687"/>
                <a:gd name="connsiteY53" fmla="*/ 0 h 3743131"/>
                <a:gd name="connsiteX0" fmla="*/ 2611712 w 4569687"/>
                <a:gd name="connsiteY0" fmla="*/ 0 h 3741630"/>
                <a:gd name="connsiteX1" fmla="*/ 2927539 w 4569687"/>
                <a:gd name="connsiteY1" fmla="*/ 0 h 3741630"/>
                <a:gd name="connsiteX2" fmla="*/ 3010471 w 4569687"/>
                <a:gd name="connsiteY2" fmla="*/ 662843 h 3741630"/>
                <a:gd name="connsiteX3" fmla="*/ 3062414 w 4569687"/>
                <a:gd name="connsiteY3" fmla="*/ 672782 h 3741630"/>
                <a:gd name="connsiteX4" fmla="*/ 3375104 w 4569687"/>
                <a:gd name="connsiteY4" fmla="*/ 893768 h 3741630"/>
                <a:gd name="connsiteX5" fmla="*/ 3401966 w 4569687"/>
                <a:gd name="connsiteY5" fmla="*/ 943258 h 3741630"/>
                <a:gd name="connsiteX6" fmla="*/ 3444529 w 4569687"/>
                <a:gd name="connsiteY6" fmla="*/ 938967 h 3741630"/>
                <a:gd name="connsiteX7" fmla="*/ 3941882 w 4569687"/>
                <a:gd name="connsiteY7" fmla="*/ 1268635 h 3741630"/>
                <a:gd name="connsiteX8" fmla="*/ 3950232 w 4569687"/>
                <a:gd name="connsiteY8" fmla="*/ 1295533 h 3741630"/>
                <a:gd name="connsiteX9" fmla="*/ 3968452 w 4569687"/>
                <a:gd name="connsiteY9" fmla="*/ 1289878 h 3741630"/>
                <a:gd name="connsiteX10" fmla="*/ 4041773 w 4569687"/>
                <a:gd name="connsiteY10" fmla="*/ 1282486 h 3741630"/>
                <a:gd name="connsiteX11" fmla="*/ 4398197 w 4569687"/>
                <a:gd name="connsiteY11" fmla="*/ 1572980 h 3741630"/>
                <a:gd name="connsiteX12" fmla="*/ 4401113 w 4569687"/>
                <a:gd name="connsiteY12" fmla="*/ 1601912 h 3741630"/>
                <a:gd name="connsiteX13" fmla="*/ 4509768 w 4569687"/>
                <a:gd name="connsiteY13" fmla="*/ 1612865 h 3741630"/>
                <a:gd name="connsiteX14" fmla="*/ 4569687 w 4569687"/>
                <a:gd name="connsiteY14" fmla="*/ 1630661 h 3741630"/>
                <a:gd name="connsiteX15" fmla="*/ 4569687 w 4569687"/>
                <a:gd name="connsiteY15" fmla="*/ 3685776 h 3741630"/>
                <a:gd name="connsiteX16" fmla="*/ 4479175 w 4569687"/>
                <a:gd name="connsiteY16" fmla="*/ 3694900 h 3741630"/>
                <a:gd name="connsiteX17" fmla="*/ 4083674 w 4569687"/>
                <a:gd name="connsiteY17" fmla="*/ 3574092 h 3741630"/>
                <a:gd name="connsiteX18" fmla="*/ 4051094 w 4569687"/>
                <a:gd name="connsiteY18" fmla="*/ 3547210 h 3741630"/>
                <a:gd name="connsiteX19" fmla="*/ 4009782 w 4569687"/>
                <a:gd name="connsiteY19" fmla="*/ 3581295 h 3741630"/>
                <a:gd name="connsiteX20" fmla="*/ 3782104 w 4569687"/>
                <a:gd name="connsiteY20" fmla="*/ 3650841 h 3741630"/>
                <a:gd name="connsiteX21" fmla="*/ 3494159 w 4569687"/>
                <a:gd name="connsiteY21" fmla="*/ 3531570 h 3741630"/>
                <a:gd name="connsiteX22" fmla="*/ 3452428 w 4569687"/>
                <a:gd name="connsiteY22" fmla="*/ 3480992 h 3741630"/>
                <a:gd name="connsiteX23" fmla="*/ 3441126 w 4569687"/>
                <a:gd name="connsiteY23" fmla="*/ 3501813 h 3741630"/>
                <a:gd name="connsiteX24" fmla="*/ 3103456 w 4569687"/>
                <a:gd name="connsiteY24" fmla="*/ 3681351 h 3741630"/>
                <a:gd name="connsiteX25" fmla="*/ 2815511 w 4569687"/>
                <a:gd name="connsiteY25" fmla="*/ 3562080 h 3741630"/>
                <a:gd name="connsiteX26" fmla="*/ 2772231 w 4569687"/>
                <a:gd name="connsiteY26" fmla="*/ 3509625 h 3741630"/>
                <a:gd name="connsiteX27" fmla="*/ 2697608 w 4569687"/>
                <a:gd name="connsiteY27" fmla="*/ 3571194 h 3741630"/>
                <a:gd name="connsiteX28" fmla="*/ 2162552 w 4569687"/>
                <a:gd name="connsiteY28" fmla="*/ 3734631 h 3741630"/>
                <a:gd name="connsiteX29" fmla="*/ 1390478 w 4569687"/>
                <a:gd name="connsiteY29" fmla="*/ 3368488 h 3741630"/>
                <a:gd name="connsiteX30" fmla="*/ 1046262 w 4569687"/>
                <a:gd name="connsiteY30" fmla="*/ 3459623 h 3741630"/>
                <a:gd name="connsiteX31" fmla="*/ 647319 w 4569687"/>
                <a:gd name="connsiteY31" fmla="*/ 3134475 h 3741630"/>
                <a:gd name="connsiteX32" fmla="*/ 642925 w 4569687"/>
                <a:gd name="connsiteY32" fmla="*/ 3090891 h 3741630"/>
                <a:gd name="connsiteX33" fmla="*/ 634894 w 4569687"/>
                <a:gd name="connsiteY33" fmla="*/ 3098188 h 3741630"/>
                <a:gd name="connsiteX34" fmla="*/ 407216 w 4569687"/>
                <a:gd name="connsiteY34" fmla="*/ 3167734 h 3741630"/>
                <a:gd name="connsiteX35" fmla="*/ 0 w 4569687"/>
                <a:gd name="connsiteY35" fmla="*/ 2760518 h 3741630"/>
                <a:gd name="connsiteX36" fmla="*/ 407216 w 4569687"/>
                <a:gd name="connsiteY36" fmla="*/ 2353302 h 3741630"/>
                <a:gd name="connsiteX37" fmla="*/ 489284 w 4569687"/>
                <a:gd name="connsiteY37" fmla="*/ 2361575 h 3741630"/>
                <a:gd name="connsiteX38" fmla="*/ 508084 w 4569687"/>
                <a:gd name="connsiteY38" fmla="*/ 2367411 h 3741630"/>
                <a:gd name="connsiteX39" fmla="*/ 503849 w 4569687"/>
                <a:gd name="connsiteY39" fmla="*/ 2325400 h 3741630"/>
                <a:gd name="connsiteX40" fmla="*/ 1121688 w 4569687"/>
                <a:gd name="connsiteY40" fmla="*/ 1707561 h 3741630"/>
                <a:gd name="connsiteX41" fmla="*/ 1246204 w 4569687"/>
                <a:gd name="connsiteY41" fmla="*/ 1720113 h 3741630"/>
                <a:gd name="connsiteX42" fmla="*/ 1284356 w 4569687"/>
                <a:gd name="connsiteY42" fmla="*/ 1731957 h 3741630"/>
                <a:gd name="connsiteX43" fmla="*/ 1305976 w 4569687"/>
                <a:gd name="connsiteY43" fmla="*/ 1705754 h 3741630"/>
                <a:gd name="connsiteX44" fmla="*/ 1742854 w 4569687"/>
                <a:gd name="connsiteY44" fmla="*/ 1524793 h 3741630"/>
                <a:gd name="connsiteX45" fmla="*/ 1760288 w 4569687"/>
                <a:gd name="connsiteY45" fmla="*/ 1526551 h 3741630"/>
                <a:gd name="connsiteX46" fmla="*/ 1748032 w 4569687"/>
                <a:gd name="connsiteY46" fmla="*/ 1487068 h 3741630"/>
                <a:gd name="connsiteX47" fmla="*/ 1742854 w 4569687"/>
                <a:gd name="connsiteY47" fmla="*/ 1435701 h 3741630"/>
                <a:gd name="connsiteX48" fmla="*/ 1946367 w 4569687"/>
                <a:gd name="connsiteY48" fmla="*/ 1185999 h 3741630"/>
                <a:gd name="connsiteX49" fmla="*/ 1956892 w 4569687"/>
                <a:gd name="connsiteY49" fmla="*/ 1184938 h 3741630"/>
                <a:gd name="connsiteX50" fmla="*/ 1963928 w 4569687"/>
                <a:gd name="connsiteY50" fmla="*/ 1115143 h 3741630"/>
                <a:gd name="connsiteX51" fmla="*/ 2450363 w 4569687"/>
                <a:gd name="connsiteY51" fmla="*/ 718687 h 3741630"/>
                <a:gd name="connsiteX52" fmla="*/ 2520904 w 4569687"/>
                <a:gd name="connsiteY52" fmla="*/ 725798 h 3741630"/>
                <a:gd name="connsiteX53" fmla="*/ 2611712 w 4569687"/>
                <a:gd name="connsiteY53" fmla="*/ 0 h 3741630"/>
                <a:gd name="connsiteX0" fmla="*/ 2611712 w 4569687"/>
                <a:gd name="connsiteY0" fmla="*/ 0 h 3734730"/>
                <a:gd name="connsiteX1" fmla="*/ 2927539 w 4569687"/>
                <a:gd name="connsiteY1" fmla="*/ 0 h 3734730"/>
                <a:gd name="connsiteX2" fmla="*/ 3010471 w 4569687"/>
                <a:gd name="connsiteY2" fmla="*/ 662843 h 3734730"/>
                <a:gd name="connsiteX3" fmla="*/ 3062414 w 4569687"/>
                <a:gd name="connsiteY3" fmla="*/ 672782 h 3734730"/>
                <a:gd name="connsiteX4" fmla="*/ 3375104 w 4569687"/>
                <a:gd name="connsiteY4" fmla="*/ 893768 h 3734730"/>
                <a:gd name="connsiteX5" fmla="*/ 3401966 w 4569687"/>
                <a:gd name="connsiteY5" fmla="*/ 943258 h 3734730"/>
                <a:gd name="connsiteX6" fmla="*/ 3444529 w 4569687"/>
                <a:gd name="connsiteY6" fmla="*/ 938967 h 3734730"/>
                <a:gd name="connsiteX7" fmla="*/ 3941882 w 4569687"/>
                <a:gd name="connsiteY7" fmla="*/ 1268635 h 3734730"/>
                <a:gd name="connsiteX8" fmla="*/ 3950232 w 4569687"/>
                <a:gd name="connsiteY8" fmla="*/ 1295533 h 3734730"/>
                <a:gd name="connsiteX9" fmla="*/ 3968452 w 4569687"/>
                <a:gd name="connsiteY9" fmla="*/ 1289878 h 3734730"/>
                <a:gd name="connsiteX10" fmla="*/ 4041773 w 4569687"/>
                <a:gd name="connsiteY10" fmla="*/ 1282486 h 3734730"/>
                <a:gd name="connsiteX11" fmla="*/ 4398197 w 4569687"/>
                <a:gd name="connsiteY11" fmla="*/ 1572980 h 3734730"/>
                <a:gd name="connsiteX12" fmla="*/ 4401113 w 4569687"/>
                <a:gd name="connsiteY12" fmla="*/ 1601912 h 3734730"/>
                <a:gd name="connsiteX13" fmla="*/ 4509768 w 4569687"/>
                <a:gd name="connsiteY13" fmla="*/ 1612865 h 3734730"/>
                <a:gd name="connsiteX14" fmla="*/ 4569687 w 4569687"/>
                <a:gd name="connsiteY14" fmla="*/ 1630661 h 3734730"/>
                <a:gd name="connsiteX15" fmla="*/ 4569687 w 4569687"/>
                <a:gd name="connsiteY15" fmla="*/ 3685776 h 3734730"/>
                <a:gd name="connsiteX16" fmla="*/ 4479175 w 4569687"/>
                <a:gd name="connsiteY16" fmla="*/ 3694900 h 3734730"/>
                <a:gd name="connsiteX17" fmla="*/ 4083674 w 4569687"/>
                <a:gd name="connsiteY17" fmla="*/ 3574092 h 3734730"/>
                <a:gd name="connsiteX18" fmla="*/ 4051094 w 4569687"/>
                <a:gd name="connsiteY18" fmla="*/ 3547210 h 3734730"/>
                <a:gd name="connsiteX19" fmla="*/ 4009782 w 4569687"/>
                <a:gd name="connsiteY19" fmla="*/ 3581295 h 3734730"/>
                <a:gd name="connsiteX20" fmla="*/ 3782104 w 4569687"/>
                <a:gd name="connsiteY20" fmla="*/ 3650841 h 3734730"/>
                <a:gd name="connsiteX21" fmla="*/ 3494159 w 4569687"/>
                <a:gd name="connsiteY21" fmla="*/ 3531570 h 3734730"/>
                <a:gd name="connsiteX22" fmla="*/ 3452428 w 4569687"/>
                <a:gd name="connsiteY22" fmla="*/ 3480992 h 3734730"/>
                <a:gd name="connsiteX23" fmla="*/ 3441126 w 4569687"/>
                <a:gd name="connsiteY23" fmla="*/ 3501813 h 3734730"/>
                <a:gd name="connsiteX24" fmla="*/ 3103456 w 4569687"/>
                <a:gd name="connsiteY24" fmla="*/ 3681351 h 3734730"/>
                <a:gd name="connsiteX25" fmla="*/ 2815511 w 4569687"/>
                <a:gd name="connsiteY25" fmla="*/ 3562080 h 3734730"/>
                <a:gd name="connsiteX26" fmla="*/ 2772231 w 4569687"/>
                <a:gd name="connsiteY26" fmla="*/ 3509625 h 3734730"/>
                <a:gd name="connsiteX27" fmla="*/ 2697608 w 4569687"/>
                <a:gd name="connsiteY27" fmla="*/ 3571194 h 3734730"/>
                <a:gd name="connsiteX28" fmla="*/ 2162552 w 4569687"/>
                <a:gd name="connsiteY28" fmla="*/ 3734631 h 3734730"/>
                <a:gd name="connsiteX29" fmla="*/ 1390478 w 4569687"/>
                <a:gd name="connsiteY29" fmla="*/ 3368488 h 3734730"/>
                <a:gd name="connsiteX30" fmla="*/ 1046262 w 4569687"/>
                <a:gd name="connsiteY30" fmla="*/ 3459623 h 3734730"/>
                <a:gd name="connsiteX31" fmla="*/ 647319 w 4569687"/>
                <a:gd name="connsiteY31" fmla="*/ 3134475 h 3734730"/>
                <a:gd name="connsiteX32" fmla="*/ 642925 w 4569687"/>
                <a:gd name="connsiteY32" fmla="*/ 3090891 h 3734730"/>
                <a:gd name="connsiteX33" fmla="*/ 634894 w 4569687"/>
                <a:gd name="connsiteY33" fmla="*/ 3098188 h 3734730"/>
                <a:gd name="connsiteX34" fmla="*/ 407216 w 4569687"/>
                <a:gd name="connsiteY34" fmla="*/ 3167734 h 3734730"/>
                <a:gd name="connsiteX35" fmla="*/ 0 w 4569687"/>
                <a:gd name="connsiteY35" fmla="*/ 2760518 h 3734730"/>
                <a:gd name="connsiteX36" fmla="*/ 407216 w 4569687"/>
                <a:gd name="connsiteY36" fmla="*/ 2353302 h 3734730"/>
                <a:gd name="connsiteX37" fmla="*/ 489284 w 4569687"/>
                <a:gd name="connsiteY37" fmla="*/ 2361575 h 3734730"/>
                <a:gd name="connsiteX38" fmla="*/ 508084 w 4569687"/>
                <a:gd name="connsiteY38" fmla="*/ 2367411 h 3734730"/>
                <a:gd name="connsiteX39" fmla="*/ 503849 w 4569687"/>
                <a:gd name="connsiteY39" fmla="*/ 2325400 h 3734730"/>
                <a:gd name="connsiteX40" fmla="*/ 1121688 w 4569687"/>
                <a:gd name="connsiteY40" fmla="*/ 1707561 h 3734730"/>
                <a:gd name="connsiteX41" fmla="*/ 1246204 w 4569687"/>
                <a:gd name="connsiteY41" fmla="*/ 1720113 h 3734730"/>
                <a:gd name="connsiteX42" fmla="*/ 1284356 w 4569687"/>
                <a:gd name="connsiteY42" fmla="*/ 1731957 h 3734730"/>
                <a:gd name="connsiteX43" fmla="*/ 1305976 w 4569687"/>
                <a:gd name="connsiteY43" fmla="*/ 1705754 h 3734730"/>
                <a:gd name="connsiteX44" fmla="*/ 1742854 w 4569687"/>
                <a:gd name="connsiteY44" fmla="*/ 1524793 h 3734730"/>
                <a:gd name="connsiteX45" fmla="*/ 1760288 w 4569687"/>
                <a:gd name="connsiteY45" fmla="*/ 1526551 h 3734730"/>
                <a:gd name="connsiteX46" fmla="*/ 1748032 w 4569687"/>
                <a:gd name="connsiteY46" fmla="*/ 1487068 h 3734730"/>
                <a:gd name="connsiteX47" fmla="*/ 1742854 w 4569687"/>
                <a:gd name="connsiteY47" fmla="*/ 1435701 h 3734730"/>
                <a:gd name="connsiteX48" fmla="*/ 1946367 w 4569687"/>
                <a:gd name="connsiteY48" fmla="*/ 1185999 h 3734730"/>
                <a:gd name="connsiteX49" fmla="*/ 1956892 w 4569687"/>
                <a:gd name="connsiteY49" fmla="*/ 1184938 h 3734730"/>
                <a:gd name="connsiteX50" fmla="*/ 1963928 w 4569687"/>
                <a:gd name="connsiteY50" fmla="*/ 1115143 h 3734730"/>
                <a:gd name="connsiteX51" fmla="*/ 2450363 w 4569687"/>
                <a:gd name="connsiteY51" fmla="*/ 718687 h 3734730"/>
                <a:gd name="connsiteX52" fmla="*/ 2520904 w 4569687"/>
                <a:gd name="connsiteY52" fmla="*/ 725798 h 3734730"/>
                <a:gd name="connsiteX53" fmla="*/ 2611712 w 4569687"/>
                <a:gd name="connsiteY53" fmla="*/ 0 h 3734730"/>
                <a:gd name="connsiteX0" fmla="*/ 2611712 w 4569687"/>
                <a:gd name="connsiteY0" fmla="*/ 0 h 3734730"/>
                <a:gd name="connsiteX1" fmla="*/ 2927539 w 4569687"/>
                <a:gd name="connsiteY1" fmla="*/ 0 h 3734730"/>
                <a:gd name="connsiteX2" fmla="*/ 3010471 w 4569687"/>
                <a:gd name="connsiteY2" fmla="*/ 662843 h 3734730"/>
                <a:gd name="connsiteX3" fmla="*/ 3062414 w 4569687"/>
                <a:gd name="connsiteY3" fmla="*/ 672782 h 3734730"/>
                <a:gd name="connsiteX4" fmla="*/ 3375104 w 4569687"/>
                <a:gd name="connsiteY4" fmla="*/ 893768 h 3734730"/>
                <a:gd name="connsiteX5" fmla="*/ 3401966 w 4569687"/>
                <a:gd name="connsiteY5" fmla="*/ 943258 h 3734730"/>
                <a:gd name="connsiteX6" fmla="*/ 3444529 w 4569687"/>
                <a:gd name="connsiteY6" fmla="*/ 938967 h 3734730"/>
                <a:gd name="connsiteX7" fmla="*/ 3941882 w 4569687"/>
                <a:gd name="connsiteY7" fmla="*/ 1268635 h 3734730"/>
                <a:gd name="connsiteX8" fmla="*/ 3950232 w 4569687"/>
                <a:gd name="connsiteY8" fmla="*/ 1295533 h 3734730"/>
                <a:gd name="connsiteX9" fmla="*/ 3968452 w 4569687"/>
                <a:gd name="connsiteY9" fmla="*/ 1289878 h 3734730"/>
                <a:gd name="connsiteX10" fmla="*/ 4041773 w 4569687"/>
                <a:gd name="connsiteY10" fmla="*/ 1282486 h 3734730"/>
                <a:gd name="connsiteX11" fmla="*/ 4398197 w 4569687"/>
                <a:gd name="connsiteY11" fmla="*/ 1572980 h 3734730"/>
                <a:gd name="connsiteX12" fmla="*/ 4401113 w 4569687"/>
                <a:gd name="connsiteY12" fmla="*/ 1601912 h 3734730"/>
                <a:gd name="connsiteX13" fmla="*/ 4509768 w 4569687"/>
                <a:gd name="connsiteY13" fmla="*/ 1612865 h 3734730"/>
                <a:gd name="connsiteX14" fmla="*/ 4569687 w 4569687"/>
                <a:gd name="connsiteY14" fmla="*/ 1630661 h 3734730"/>
                <a:gd name="connsiteX15" fmla="*/ 4569687 w 4569687"/>
                <a:gd name="connsiteY15" fmla="*/ 3685776 h 3734730"/>
                <a:gd name="connsiteX16" fmla="*/ 4479175 w 4569687"/>
                <a:gd name="connsiteY16" fmla="*/ 3694900 h 3734730"/>
                <a:gd name="connsiteX17" fmla="*/ 4083674 w 4569687"/>
                <a:gd name="connsiteY17" fmla="*/ 3574092 h 3734730"/>
                <a:gd name="connsiteX18" fmla="*/ 4051094 w 4569687"/>
                <a:gd name="connsiteY18" fmla="*/ 3547210 h 3734730"/>
                <a:gd name="connsiteX19" fmla="*/ 4009782 w 4569687"/>
                <a:gd name="connsiteY19" fmla="*/ 3581295 h 3734730"/>
                <a:gd name="connsiteX20" fmla="*/ 3782104 w 4569687"/>
                <a:gd name="connsiteY20" fmla="*/ 3650841 h 3734730"/>
                <a:gd name="connsiteX21" fmla="*/ 3494159 w 4569687"/>
                <a:gd name="connsiteY21" fmla="*/ 3531570 h 3734730"/>
                <a:gd name="connsiteX22" fmla="*/ 3452428 w 4569687"/>
                <a:gd name="connsiteY22" fmla="*/ 3480992 h 3734730"/>
                <a:gd name="connsiteX23" fmla="*/ 3441126 w 4569687"/>
                <a:gd name="connsiteY23" fmla="*/ 3501813 h 3734730"/>
                <a:gd name="connsiteX24" fmla="*/ 3103456 w 4569687"/>
                <a:gd name="connsiteY24" fmla="*/ 3681351 h 3734730"/>
                <a:gd name="connsiteX25" fmla="*/ 2815511 w 4569687"/>
                <a:gd name="connsiteY25" fmla="*/ 3562080 h 3734730"/>
                <a:gd name="connsiteX26" fmla="*/ 2772231 w 4569687"/>
                <a:gd name="connsiteY26" fmla="*/ 3509625 h 3734730"/>
                <a:gd name="connsiteX27" fmla="*/ 2697608 w 4569687"/>
                <a:gd name="connsiteY27" fmla="*/ 3571194 h 3734730"/>
                <a:gd name="connsiteX28" fmla="*/ 2162552 w 4569687"/>
                <a:gd name="connsiteY28" fmla="*/ 3734631 h 3734730"/>
                <a:gd name="connsiteX29" fmla="*/ 1390478 w 4569687"/>
                <a:gd name="connsiteY29" fmla="*/ 3368488 h 3734730"/>
                <a:gd name="connsiteX30" fmla="*/ 1046262 w 4569687"/>
                <a:gd name="connsiteY30" fmla="*/ 3459623 h 3734730"/>
                <a:gd name="connsiteX31" fmla="*/ 647319 w 4569687"/>
                <a:gd name="connsiteY31" fmla="*/ 3134475 h 3734730"/>
                <a:gd name="connsiteX32" fmla="*/ 642925 w 4569687"/>
                <a:gd name="connsiteY32" fmla="*/ 3090891 h 3734730"/>
                <a:gd name="connsiteX33" fmla="*/ 634894 w 4569687"/>
                <a:gd name="connsiteY33" fmla="*/ 3098188 h 3734730"/>
                <a:gd name="connsiteX34" fmla="*/ 407216 w 4569687"/>
                <a:gd name="connsiteY34" fmla="*/ 3167734 h 3734730"/>
                <a:gd name="connsiteX35" fmla="*/ 0 w 4569687"/>
                <a:gd name="connsiteY35" fmla="*/ 2760518 h 3734730"/>
                <a:gd name="connsiteX36" fmla="*/ 407216 w 4569687"/>
                <a:gd name="connsiteY36" fmla="*/ 2353302 h 3734730"/>
                <a:gd name="connsiteX37" fmla="*/ 489284 w 4569687"/>
                <a:gd name="connsiteY37" fmla="*/ 2361575 h 3734730"/>
                <a:gd name="connsiteX38" fmla="*/ 508084 w 4569687"/>
                <a:gd name="connsiteY38" fmla="*/ 2367411 h 3734730"/>
                <a:gd name="connsiteX39" fmla="*/ 503849 w 4569687"/>
                <a:gd name="connsiteY39" fmla="*/ 2325400 h 3734730"/>
                <a:gd name="connsiteX40" fmla="*/ 1121688 w 4569687"/>
                <a:gd name="connsiteY40" fmla="*/ 1707561 h 3734730"/>
                <a:gd name="connsiteX41" fmla="*/ 1246204 w 4569687"/>
                <a:gd name="connsiteY41" fmla="*/ 1720113 h 3734730"/>
                <a:gd name="connsiteX42" fmla="*/ 1284356 w 4569687"/>
                <a:gd name="connsiteY42" fmla="*/ 1731957 h 3734730"/>
                <a:gd name="connsiteX43" fmla="*/ 1305976 w 4569687"/>
                <a:gd name="connsiteY43" fmla="*/ 1705754 h 3734730"/>
                <a:gd name="connsiteX44" fmla="*/ 1742854 w 4569687"/>
                <a:gd name="connsiteY44" fmla="*/ 1524793 h 3734730"/>
                <a:gd name="connsiteX45" fmla="*/ 1760288 w 4569687"/>
                <a:gd name="connsiteY45" fmla="*/ 1526551 h 3734730"/>
                <a:gd name="connsiteX46" fmla="*/ 1748032 w 4569687"/>
                <a:gd name="connsiteY46" fmla="*/ 1487068 h 3734730"/>
                <a:gd name="connsiteX47" fmla="*/ 1742854 w 4569687"/>
                <a:gd name="connsiteY47" fmla="*/ 1435701 h 3734730"/>
                <a:gd name="connsiteX48" fmla="*/ 1946367 w 4569687"/>
                <a:gd name="connsiteY48" fmla="*/ 1185999 h 3734730"/>
                <a:gd name="connsiteX49" fmla="*/ 1956892 w 4569687"/>
                <a:gd name="connsiteY49" fmla="*/ 1184938 h 3734730"/>
                <a:gd name="connsiteX50" fmla="*/ 1963928 w 4569687"/>
                <a:gd name="connsiteY50" fmla="*/ 1115143 h 3734730"/>
                <a:gd name="connsiteX51" fmla="*/ 2450363 w 4569687"/>
                <a:gd name="connsiteY51" fmla="*/ 718687 h 3734730"/>
                <a:gd name="connsiteX52" fmla="*/ 2520904 w 4569687"/>
                <a:gd name="connsiteY52" fmla="*/ 725798 h 3734730"/>
                <a:gd name="connsiteX53" fmla="*/ 2611712 w 4569687"/>
                <a:gd name="connsiteY53" fmla="*/ 0 h 373473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  <a:cxn ang="0">
                  <a:pos x="connsiteX45" y="connsiteY45"/>
                </a:cxn>
                <a:cxn ang="0">
                  <a:pos x="connsiteX46" y="connsiteY46"/>
                </a:cxn>
                <a:cxn ang="0">
                  <a:pos x="connsiteX47" y="connsiteY47"/>
                </a:cxn>
                <a:cxn ang="0">
                  <a:pos x="connsiteX48" y="connsiteY48"/>
                </a:cxn>
                <a:cxn ang="0">
                  <a:pos x="connsiteX49" y="connsiteY49"/>
                </a:cxn>
                <a:cxn ang="0">
                  <a:pos x="connsiteX50" y="connsiteY50"/>
                </a:cxn>
                <a:cxn ang="0">
                  <a:pos x="connsiteX51" y="connsiteY51"/>
                </a:cxn>
                <a:cxn ang="0">
                  <a:pos x="connsiteX52" y="connsiteY52"/>
                </a:cxn>
                <a:cxn ang="0">
                  <a:pos x="connsiteX53" y="connsiteY53"/>
                </a:cxn>
              </a:cxnLst>
              <a:rect l="l" t="t" r="r" b="b"/>
              <a:pathLst>
                <a:path w="4569687" h="3734730">
                  <a:moveTo>
                    <a:pt x="2611712" y="0"/>
                  </a:moveTo>
                  <a:lnTo>
                    <a:pt x="2927539" y="0"/>
                  </a:lnTo>
                  <a:lnTo>
                    <a:pt x="3010471" y="662843"/>
                  </a:lnTo>
                  <a:lnTo>
                    <a:pt x="3062414" y="672782"/>
                  </a:lnTo>
                  <a:cubicBezTo>
                    <a:pt x="3191764" y="706062"/>
                    <a:pt x="3302353" y="786083"/>
                    <a:pt x="3375104" y="893768"/>
                  </a:cubicBezTo>
                  <a:lnTo>
                    <a:pt x="3401966" y="943258"/>
                  </a:lnTo>
                  <a:lnTo>
                    <a:pt x="3444529" y="938967"/>
                  </a:lnTo>
                  <a:cubicBezTo>
                    <a:pt x="3668109" y="938967"/>
                    <a:pt x="3859940" y="1074903"/>
                    <a:pt x="3941882" y="1268635"/>
                  </a:cubicBezTo>
                  <a:lnTo>
                    <a:pt x="3950232" y="1295533"/>
                  </a:lnTo>
                  <a:lnTo>
                    <a:pt x="3968452" y="1289878"/>
                  </a:lnTo>
                  <a:cubicBezTo>
                    <a:pt x="3992135" y="1285031"/>
                    <a:pt x="4016657" y="1282486"/>
                    <a:pt x="4041773" y="1282486"/>
                  </a:cubicBezTo>
                  <a:cubicBezTo>
                    <a:pt x="4217586" y="1282486"/>
                    <a:pt x="4364272" y="1407196"/>
                    <a:pt x="4398197" y="1572980"/>
                  </a:cubicBezTo>
                  <a:lnTo>
                    <a:pt x="4401113" y="1601912"/>
                  </a:lnTo>
                  <a:lnTo>
                    <a:pt x="4509768" y="1612865"/>
                  </a:lnTo>
                  <a:lnTo>
                    <a:pt x="4569687" y="1630661"/>
                  </a:lnTo>
                  <a:lnTo>
                    <a:pt x="4569687" y="3685776"/>
                  </a:lnTo>
                  <a:lnTo>
                    <a:pt x="4479175" y="3694900"/>
                  </a:lnTo>
                  <a:cubicBezTo>
                    <a:pt x="4332673" y="3694900"/>
                    <a:pt x="4196572" y="3650364"/>
                    <a:pt x="4083674" y="3574092"/>
                  </a:cubicBezTo>
                  <a:lnTo>
                    <a:pt x="4051094" y="3547210"/>
                  </a:lnTo>
                  <a:lnTo>
                    <a:pt x="4009782" y="3581295"/>
                  </a:lnTo>
                  <a:cubicBezTo>
                    <a:pt x="3944790" y="3625203"/>
                    <a:pt x="3866441" y="3650841"/>
                    <a:pt x="3782104" y="3650841"/>
                  </a:cubicBezTo>
                  <a:cubicBezTo>
                    <a:pt x="3669655" y="3650841"/>
                    <a:pt x="3567851" y="3605262"/>
                    <a:pt x="3494159" y="3531570"/>
                  </a:cubicBezTo>
                  <a:lnTo>
                    <a:pt x="3452428" y="3480992"/>
                  </a:lnTo>
                  <a:lnTo>
                    <a:pt x="3441126" y="3501813"/>
                  </a:lnTo>
                  <a:cubicBezTo>
                    <a:pt x="3367946" y="3610134"/>
                    <a:pt x="3244018" y="3681351"/>
                    <a:pt x="3103456" y="3681351"/>
                  </a:cubicBezTo>
                  <a:cubicBezTo>
                    <a:pt x="2991007" y="3681351"/>
                    <a:pt x="2889203" y="3635772"/>
                    <a:pt x="2815511" y="3562080"/>
                  </a:cubicBezTo>
                  <a:lnTo>
                    <a:pt x="2772231" y="3509625"/>
                  </a:lnTo>
                  <a:lnTo>
                    <a:pt x="2697608" y="3571194"/>
                  </a:lnTo>
                  <a:cubicBezTo>
                    <a:pt x="2544873" y="3674380"/>
                    <a:pt x="2382991" y="3737583"/>
                    <a:pt x="2162552" y="3734631"/>
                  </a:cubicBezTo>
                  <a:cubicBezTo>
                    <a:pt x="1740716" y="3728982"/>
                    <a:pt x="1534323" y="3547967"/>
                    <a:pt x="1390478" y="3368488"/>
                  </a:cubicBezTo>
                  <a:cubicBezTo>
                    <a:pt x="1316786" y="3442180"/>
                    <a:pt x="1170122" y="3498625"/>
                    <a:pt x="1046262" y="3459623"/>
                  </a:cubicBezTo>
                  <a:cubicBezTo>
                    <a:pt x="922402" y="3420621"/>
                    <a:pt x="685290" y="3320037"/>
                    <a:pt x="647319" y="3134475"/>
                  </a:cubicBezTo>
                  <a:lnTo>
                    <a:pt x="642925" y="3090891"/>
                  </a:lnTo>
                  <a:lnTo>
                    <a:pt x="634894" y="3098188"/>
                  </a:lnTo>
                  <a:cubicBezTo>
                    <a:pt x="569902" y="3142096"/>
                    <a:pt x="491553" y="3167734"/>
                    <a:pt x="407216" y="3167734"/>
                  </a:cubicBezTo>
                  <a:cubicBezTo>
                    <a:pt x="182317" y="3167734"/>
                    <a:pt x="0" y="2985417"/>
                    <a:pt x="0" y="2760518"/>
                  </a:cubicBezTo>
                  <a:cubicBezTo>
                    <a:pt x="0" y="2535619"/>
                    <a:pt x="182317" y="2353302"/>
                    <a:pt x="407216" y="2353302"/>
                  </a:cubicBezTo>
                  <a:cubicBezTo>
                    <a:pt x="435328" y="2353302"/>
                    <a:pt x="462775" y="2356151"/>
                    <a:pt x="489284" y="2361575"/>
                  </a:cubicBezTo>
                  <a:lnTo>
                    <a:pt x="508084" y="2367411"/>
                  </a:lnTo>
                  <a:lnTo>
                    <a:pt x="503849" y="2325400"/>
                  </a:lnTo>
                  <a:cubicBezTo>
                    <a:pt x="503849" y="1984177"/>
                    <a:pt x="780465" y="1707561"/>
                    <a:pt x="1121688" y="1707561"/>
                  </a:cubicBezTo>
                  <a:cubicBezTo>
                    <a:pt x="1164341" y="1707561"/>
                    <a:pt x="1205984" y="1711883"/>
                    <a:pt x="1246204" y="1720113"/>
                  </a:cubicBezTo>
                  <a:lnTo>
                    <a:pt x="1284356" y="1731957"/>
                  </a:lnTo>
                  <a:lnTo>
                    <a:pt x="1305976" y="1705754"/>
                  </a:lnTo>
                  <a:cubicBezTo>
                    <a:pt x="1417783" y="1593947"/>
                    <a:pt x="1572242" y="1524793"/>
                    <a:pt x="1742854" y="1524793"/>
                  </a:cubicBezTo>
                  <a:lnTo>
                    <a:pt x="1760288" y="1526551"/>
                  </a:lnTo>
                  <a:lnTo>
                    <a:pt x="1748032" y="1487068"/>
                  </a:lnTo>
                  <a:cubicBezTo>
                    <a:pt x="1744637" y="1470476"/>
                    <a:pt x="1742854" y="1453297"/>
                    <a:pt x="1742854" y="1435701"/>
                  </a:cubicBezTo>
                  <a:cubicBezTo>
                    <a:pt x="1742854" y="1312531"/>
                    <a:pt x="1830222" y="1209766"/>
                    <a:pt x="1946367" y="1185999"/>
                  </a:cubicBezTo>
                  <a:lnTo>
                    <a:pt x="1956892" y="1184938"/>
                  </a:lnTo>
                  <a:lnTo>
                    <a:pt x="1963928" y="1115143"/>
                  </a:lnTo>
                  <a:cubicBezTo>
                    <a:pt x="2010227" y="888886"/>
                    <a:pt x="2210419" y="718687"/>
                    <a:pt x="2450363" y="718687"/>
                  </a:cubicBezTo>
                  <a:lnTo>
                    <a:pt x="2520904" y="725798"/>
                  </a:lnTo>
                  <a:lnTo>
                    <a:pt x="2611712" y="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ctr">
              <a:noAutofit/>
            </a:bodyPr>
            <a:lstStyle/>
            <a:p>
              <a:pPr algn="ctr"/>
              <a:endParaRPr lang="ko-KR" altLang="en-US"/>
            </a:p>
          </p:txBody>
        </p:sp>
        <p:grpSp>
          <p:nvGrpSpPr>
            <p:cNvPr id="8" name="그룹 7">
              <a:extLst>
                <a:ext uri="{FF2B5EF4-FFF2-40B4-BE49-F238E27FC236}">
                  <a16:creationId xmlns:a16="http://schemas.microsoft.com/office/drawing/2014/main" id="{D0429EA9-A20D-4800-80F6-48970138B795}"/>
                </a:ext>
              </a:extLst>
            </p:cNvPr>
            <p:cNvGrpSpPr/>
            <p:nvPr userDrawn="1"/>
          </p:nvGrpSpPr>
          <p:grpSpPr>
            <a:xfrm>
              <a:off x="6992136" y="387072"/>
              <a:ext cx="704897" cy="1355021"/>
              <a:chOff x="5304862" y="-789923"/>
              <a:chExt cx="645890" cy="1241591"/>
            </a:xfrm>
          </p:grpSpPr>
          <p:grpSp>
            <p:nvGrpSpPr>
              <p:cNvPr id="9" name="그룹 8">
                <a:extLst>
                  <a:ext uri="{FF2B5EF4-FFF2-40B4-BE49-F238E27FC236}">
                    <a16:creationId xmlns:a16="http://schemas.microsoft.com/office/drawing/2014/main" id="{4817FF4C-CE41-4E26-9FB9-CB745F3234F3}"/>
                  </a:ext>
                </a:extLst>
              </p:cNvPr>
              <p:cNvGrpSpPr/>
              <p:nvPr userDrawn="1"/>
            </p:nvGrpSpPr>
            <p:grpSpPr>
              <a:xfrm>
                <a:off x="5377232" y="-789923"/>
                <a:ext cx="495969" cy="1052585"/>
                <a:chOff x="5868144" y="-857099"/>
                <a:chExt cx="495969" cy="1052585"/>
              </a:xfrm>
            </p:grpSpPr>
            <p:sp>
              <p:nvSpPr>
                <p:cNvPr id="16" name="이등변 삼각형 49">
                  <a:extLst>
                    <a:ext uri="{FF2B5EF4-FFF2-40B4-BE49-F238E27FC236}">
                      <a16:creationId xmlns:a16="http://schemas.microsoft.com/office/drawing/2014/main" id="{688B8353-32F5-4D6E-81D9-D597B60FA9D3}"/>
                    </a:ext>
                  </a:extLst>
                </p:cNvPr>
                <p:cNvSpPr/>
                <p:nvPr userDrawn="1"/>
              </p:nvSpPr>
              <p:spPr>
                <a:xfrm>
                  <a:off x="5868144" y="-853769"/>
                  <a:ext cx="495969" cy="1049255"/>
                </a:xfrm>
                <a:custGeom>
                  <a:avLst/>
                  <a:gdLst>
                    <a:gd name="connsiteX0" fmla="*/ 0 w 311344"/>
                    <a:gd name="connsiteY0" fmla="*/ 1049255 h 1049255"/>
                    <a:gd name="connsiteX1" fmla="*/ 155672 w 311344"/>
                    <a:gd name="connsiteY1" fmla="*/ 0 h 1049255"/>
                    <a:gd name="connsiteX2" fmla="*/ 311344 w 311344"/>
                    <a:gd name="connsiteY2" fmla="*/ 1049255 h 1049255"/>
                    <a:gd name="connsiteX3" fmla="*/ 0 w 311344"/>
                    <a:gd name="connsiteY3" fmla="*/ 1049255 h 1049255"/>
                    <a:gd name="connsiteX0" fmla="*/ 45684 w 357028"/>
                    <a:gd name="connsiteY0" fmla="*/ 1049255 h 1049255"/>
                    <a:gd name="connsiteX1" fmla="*/ 201356 w 357028"/>
                    <a:gd name="connsiteY1" fmla="*/ 0 h 1049255"/>
                    <a:gd name="connsiteX2" fmla="*/ 357028 w 357028"/>
                    <a:gd name="connsiteY2" fmla="*/ 1049255 h 1049255"/>
                    <a:gd name="connsiteX3" fmla="*/ 45684 w 357028"/>
                    <a:gd name="connsiteY3" fmla="*/ 1049255 h 1049255"/>
                    <a:gd name="connsiteX0" fmla="*/ 45684 w 416158"/>
                    <a:gd name="connsiteY0" fmla="*/ 1049255 h 1049255"/>
                    <a:gd name="connsiteX1" fmla="*/ 201356 w 416158"/>
                    <a:gd name="connsiteY1" fmla="*/ 0 h 1049255"/>
                    <a:gd name="connsiteX2" fmla="*/ 357028 w 416158"/>
                    <a:gd name="connsiteY2" fmla="*/ 1049255 h 1049255"/>
                    <a:gd name="connsiteX3" fmla="*/ 45684 w 416158"/>
                    <a:gd name="connsiteY3" fmla="*/ 1049255 h 1049255"/>
                    <a:gd name="connsiteX0" fmla="*/ 87161 w 457635"/>
                    <a:gd name="connsiteY0" fmla="*/ 1049255 h 1049255"/>
                    <a:gd name="connsiteX1" fmla="*/ 242833 w 457635"/>
                    <a:gd name="connsiteY1" fmla="*/ 0 h 1049255"/>
                    <a:gd name="connsiteX2" fmla="*/ 398505 w 457635"/>
                    <a:gd name="connsiteY2" fmla="*/ 1049255 h 1049255"/>
                    <a:gd name="connsiteX3" fmla="*/ 87161 w 457635"/>
                    <a:gd name="connsiteY3" fmla="*/ 1049255 h 1049255"/>
                    <a:gd name="connsiteX0" fmla="*/ 87161 w 500627"/>
                    <a:gd name="connsiteY0" fmla="*/ 1049255 h 1049255"/>
                    <a:gd name="connsiteX1" fmla="*/ 242833 w 500627"/>
                    <a:gd name="connsiteY1" fmla="*/ 0 h 1049255"/>
                    <a:gd name="connsiteX2" fmla="*/ 398505 w 500627"/>
                    <a:gd name="connsiteY2" fmla="*/ 1049255 h 1049255"/>
                    <a:gd name="connsiteX3" fmla="*/ 87161 w 500627"/>
                    <a:gd name="connsiteY3" fmla="*/ 1049255 h 1049255"/>
                    <a:gd name="connsiteX0" fmla="*/ 91187 w 504653"/>
                    <a:gd name="connsiteY0" fmla="*/ 1049255 h 1049255"/>
                    <a:gd name="connsiteX1" fmla="*/ 246859 w 504653"/>
                    <a:gd name="connsiteY1" fmla="*/ 0 h 1049255"/>
                    <a:gd name="connsiteX2" fmla="*/ 402531 w 504653"/>
                    <a:gd name="connsiteY2" fmla="*/ 1049255 h 1049255"/>
                    <a:gd name="connsiteX3" fmla="*/ 91187 w 504653"/>
                    <a:gd name="connsiteY3" fmla="*/ 1049255 h 1049255"/>
                    <a:gd name="connsiteX0" fmla="*/ 91187 w 500775"/>
                    <a:gd name="connsiteY0" fmla="*/ 1049255 h 1049255"/>
                    <a:gd name="connsiteX1" fmla="*/ 246859 w 500775"/>
                    <a:gd name="connsiteY1" fmla="*/ 0 h 1049255"/>
                    <a:gd name="connsiteX2" fmla="*/ 402531 w 500775"/>
                    <a:gd name="connsiteY2" fmla="*/ 1049255 h 1049255"/>
                    <a:gd name="connsiteX3" fmla="*/ 91187 w 500775"/>
                    <a:gd name="connsiteY3" fmla="*/ 1049255 h 1049255"/>
                    <a:gd name="connsiteX0" fmla="*/ 91187 w 484758"/>
                    <a:gd name="connsiteY0" fmla="*/ 1049255 h 1049255"/>
                    <a:gd name="connsiteX1" fmla="*/ 246859 w 484758"/>
                    <a:gd name="connsiteY1" fmla="*/ 0 h 1049255"/>
                    <a:gd name="connsiteX2" fmla="*/ 402531 w 484758"/>
                    <a:gd name="connsiteY2" fmla="*/ 1049255 h 1049255"/>
                    <a:gd name="connsiteX3" fmla="*/ 91187 w 484758"/>
                    <a:gd name="connsiteY3" fmla="*/ 1049255 h 1049255"/>
                    <a:gd name="connsiteX0" fmla="*/ 91187 w 488692"/>
                    <a:gd name="connsiteY0" fmla="*/ 1049255 h 1049255"/>
                    <a:gd name="connsiteX1" fmla="*/ 246859 w 488692"/>
                    <a:gd name="connsiteY1" fmla="*/ 0 h 1049255"/>
                    <a:gd name="connsiteX2" fmla="*/ 402531 w 488692"/>
                    <a:gd name="connsiteY2" fmla="*/ 1049255 h 1049255"/>
                    <a:gd name="connsiteX3" fmla="*/ 91187 w 488692"/>
                    <a:gd name="connsiteY3" fmla="*/ 1049255 h 1049255"/>
                    <a:gd name="connsiteX0" fmla="*/ 91187 w 492707"/>
                    <a:gd name="connsiteY0" fmla="*/ 1049255 h 1049255"/>
                    <a:gd name="connsiteX1" fmla="*/ 246859 w 492707"/>
                    <a:gd name="connsiteY1" fmla="*/ 0 h 1049255"/>
                    <a:gd name="connsiteX2" fmla="*/ 402531 w 492707"/>
                    <a:gd name="connsiteY2" fmla="*/ 1049255 h 1049255"/>
                    <a:gd name="connsiteX3" fmla="*/ 91187 w 492707"/>
                    <a:gd name="connsiteY3" fmla="*/ 1049255 h 1049255"/>
                    <a:gd name="connsiteX0" fmla="*/ 95257 w 496777"/>
                    <a:gd name="connsiteY0" fmla="*/ 1049255 h 1049255"/>
                    <a:gd name="connsiteX1" fmla="*/ 250929 w 496777"/>
                    <a:gd name="connsiteY1" fmla="*/ 0 h 1049255"/>
                    <a:gd name="connsiteX2" fmla="*/ 406601 w 496777"/>
                    <a:gd name="connsiteY2" fmla="*/ 1049255 h 1049255"/>
                    <a:gd name="connsiteX3" fmla="*/ 95257 w 496777"/>
                    <a:gd name="connsiteY3" fmla="*/ 1049255 h 1049255"/>
                    <a:gd name="connsiteX0" fmla="*/ 95257 w 485293"/>
                    <a:gd name="connsiteY0" fmla="*/ 1049255 h 1049255"/>
                    <a:gd name="connsiteX1" fmla="*/ 250929 w 485293"/>
                    <a:gd name="connsiteY1" fmla="*/ 0 h 1049255"/>
                    <a:gd name="connsiteX2" fmla="*/ 406601 w 485293"/>
                    <a:gd name="connsiteY2" fmla="*/ 1049255 h 1049255"/>
                    <a:gd name="connsiteX3" fmla="*/ 95257 w 485293"/>
                    <a:gd name="connsiteY3" fmla="*/ 1049255 h 1049255"/>
                    <a:gd name="connsiteX0" fmla="*/ 95257 w 494828"/>
                    <a:gd name="connsiteY0" fmla="*/ 1049255 h 1049255"/>
                    <a:gd name="connsiteX1" fmla="*/ 250929 w 494828"/>
                    <a:gd name="connsiteY1" fmla="*/ 0 h 1049255"/>
                    <a:gd name="connsiteX2" fmla="*/ 406601 w 494828"/>
                    <a:gd name="connsiteY2" fmla="*/ 1049255 h 1049255"/>
                    <a:gd name="connsiteX3" fmla="*/ 95257 w 494828"/>
                    <a:gd name="connsiteY3" fmla="*/ 1049255 h 1049255"/>
                    <a:gd name="connsiteX0" fmla="*/ 95257 w 493814"/>
                    <a:gd name="connsiteY0" fmla="*/ 1049255 h 1049255"/>
                    <a:gd name="connsiteX1" fmla="*/ 250929 w 493814"/>
                    <a:gd name="connsiteY1" fmla="*/ 0 h 1049255"/>
                    <a:gd name="connsiteX2" fmla="*/ 406601 w 493814"/>
                    <a:gd name="connsiteY2" fmla="*/ 1049255 h 1049255"/>
                    <a:gd name="connsiteX3" fmla="*/ 95257 w 493814"/>
                    <a:gd name="connsiteY3" fmla="*/ 1049255 h 1049255"/>
                    <a:gd name="connsiteX0" fmla="*/ 95257 w 496864"/>
                    <a:gd name="connsiteY0" fmla="*/ 1049255 h 1049255"/>
                    <a:gd name="connsiteX1" fmla="*/ 250929 w 496864"/>
                    <a:gd name="connsiteY1" fmla="*/ 0 h 1049255"/>
                    <a:gd name="connsiteX2" fmla="*/ 406601 w 496864"/>
                    <a:gd name="connsiteY2" fmla="*/ 1049255 h 1049255"/>
                    <a:gd name="connsiteX3" fmla="*/ 95257 w 496864"/>
                    <a:gd name="connsiteY3" fmla="*/ 1049255 h 1049255"/>
                    <a:gd name="connsiteX0" fmla="*/ 95257 w 497887"/>
                    <a:gd name="connsiteY0" fmla="*/ 1049255 h 1049255"/>
                    <a:gd name="connsiteX1" fmla="*/ 250929 w 497887"/>
                    <a:gd name="connsiteY1" fmla="*/ 0 h 1049255"/>
                    <a:gd name="connsiteX2" fmla="*/ 406601 w 497887"/>
                    <a:gd name="connsiteY2" fmla="*/ 1049255 h 1049255"/>
                    <a:gd name="connsiteX3" fmla="*/ 95257 w 497887"/>
                    <a:gd name="connsiteY3" fmla="*/ 1049255 h 1049255"/>
                    <a:gd name="connsiteX0" fmla="*/ 95257 w 495969"/>
                    <a:gd name="connsiteY0" fmla="*/ 1049255 h 1049255"/>
                    <a:gd name="connsiteX1" fmla="*/ 250929 w 495969"/>
                    <a:gd name="connsiteY1" fmla="*/ 0 h 1049255"/>
                    <a:gd name="connsiteX2" fmla="*/ 406601 w 495969"/>
                    <a:gd name="connsiteY2" fmla="*/ 1049255 h 1049255"/>
                    <a:gd name="connsiteX3" fmla="*/ 95257 w 495969"/>
                    <a:gd name="connsiteY3" fmla="*/ 1049255 h 104925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495969" h="1049255">
                      <a:moveTo>
                        <a:pt x="95257" y="1049255"/>
                      </a:moveTo>
                      <a:cubicBezTo>
                        <a:pt x="6676" y="723357"/>
                        <a:pt x="-121664" y="317947"/>
                        <a:pt x="250929" y="0"/>
                      </a:cubicBezTo>
                      <a:cubicBezTo>
                        <a:pt x="612920" y="328549"/>
                        <a:pt x="489882" y="781667"/>
                        <a:pt x="406601" y="1049255"/>
                      </a:cubicBezTo>
                      <a:lnTo>
                        <a:pt x="95257" y="1049255"/>
                      </a:lnTo>
                      <a:close/>
                    </a:path>
                  </a:pathLst>
                </a:custGeom>
                <a:solidFill>
                  <a:schemeClr val="bg1">
                    <a:lumMod val="85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 dirty="0"/>
                </a:p>
              </p:txBody>
            </p:sp>
            <p:sp>
              <p:nvSpPr>
                <p:cNvPr id="17" name="자유형: 도형 16">
                  <a:extLst>
                    <a:ext uri="{FF2B5EF4-FFF2-40B4-BE49-F238E27FC236}">
                      <a16:creationId xmlns:a16="http://schemas.microsoft.com/office/drawing/2014/main" id="{155478D4-44EA-48AE-860F-E368AD673D03}"/>
                    </a:ext>
                  </a:extLst>
                </p:cNvPr>
                <p:cNvSpPr/>
                <p:nvPr userDrawn="1"/>
              </p:nvSpPr>
              <p:spPr>
                <a:xfrm>
                  <a:off x="5939427" y="102551"/>
                  <a:ext cx="364003" cy="92935"/>
                </a:xfrm>
                <a:custGeom>
                  <a:avLst/>
                  <a:gdLst>
                    <a:gd name="connsiteX0" fmla="*/ 0 w 364003"/>
                    <a:gd name="connsiteY0" fmla="*/ 0 h 92935"/>
                    <a:gd name="connsiteX1" fmla="*/ 364003 w 364003"/>
                    <a:gd name="connsiteY1" fmla="*/ 0 h 92935"/>
                    <a:gd name="connsiteX2" fmla="*/ 336518 w 364003"/>
                    <a:gd name="connsiteY2" fmla="*/ 92935 h 92935"/>
                    <a:gd name="connsiteX3" fmla="*/ 25174 w 364003"/>
                    <a:gd name="connsiteY3" fmla="*/ 92935 h 9293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364003" h="92935">
                      <a:moveTo>
                        <a:pt x="0" y="0"/>
                      </a:moveTo>
                      <a:lnTo>
                        <a:pt x="364003" y="0"/>
                      </a:lnTo>
                      <a:lnTo>
                        <a:pt x="336518" y="92935"/>
                      </a:lnTo>
                      <a:lnTo>
                        <a:pt x="25174" y="92935"/>
                      </a:lnTo>
                      <a:close/>
                    </a:path>
                  </a:pathLst>
                </a:custGeom>
                <a:solidFill>
                  <a:schemeClr val="bg1">
                    <a:lumMod val="65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/>
                </a:p>
              </p:txBody>
            </p:sp>
            <p:sp>
              <p:nvSpPr>
                <p:cNvPr id="18" name="자유형: 도형 17">
                  <a:extLst>
                    <a:ext uri="{FF2B5EF4-FFF2-40B4-BE49-F238E27FC236}">
                      <a16:creationId xmlns:a16="http://schemas.microsoft.com/office/drawing/2014/main" id="{1861CCC0-CB32-42D2-947D-1907817DDDAE}"/>
                    </a:ext>
                  </a:extLst>
                </p:cNvPr>
                <p:cNvSpPr/>
                <p:nvPr userDrawn="1"/>
              </p:nvSpPr>
              <p:spPr>
                <a:xfrm>
                  <a:off x="5893989" y="-857099"/>
                  <a:ext cx="444279" cy="350537"/>
                </a:xfrm>
                <a:custGeom>
                  <a:avLst/>
                  <a:gdLst>
                    <a:gd name="connsiteX0" fmla="*/ 227272 w 444279"/>
                    <a:gd name="connsiteY0" fmla="*/ 0 h 350537"/>
                    <a:gd name="connsiteX1" fmla="*/ 440556 w 444279"/>
                    <a:gd name="connsiteY1" fmla="*/ 335046 h 350537"/>
                    <a:gd name="connsiteX2" fmla="*/ 444279 w 444279"/>
                    <a:gd name="connsiteY2" fmla="*/ 350537 h 350537"/>
                    <a:gd name="connsiteX3" fmla="*/ 0 w 444279"/>
                    <a:gd name="connsiteY3" fmla="*/ 350537 h 350537"/>
                    <a:gd name="connsiteX4" fmla="*/ 8223 w 444279"/>
                    <a:gd name="connsiteY4" fmla="*/ 318604 h 350537"/>
                    <a:gd name="connsiteX5" fmla="*/ 227272 w 444279"/>
                    <a:gd name="connsiteY5" fmla="*/ 0 h 350537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</a:cxnLst>
                  <a:rect l="l" t="t" r="r" b="b"/>
                  <a:pathLst>
                    <a:path w="444279" h="350537">
                      <a:moveTo>
                        <a:pt x="227272" y="0"/>
                      </a:moveTo>
                      <a:cubicBezTo>
                        <a:pt x="340394" y="102672"/>
                        <a:pt x="406151" y="217508"/>
                        <a:pt x="440556" y="335046"/>
                      </a:cubicBezTo>
                      <a:lnTo>
                        <a:pt x="444279" y="350537"/>
                      </a:lnTo>
                      <a:lnTo>
                        <a:pt x="0" y="350537"/>
                      </a:lnTo>
                      <a:lnTo>
                        <a:pt x="8223" y="318604"/>
                      </a:lnTo>
                      <a:cubicBezTo>
                        <a:pt x="43321" y="207258"/>
                        <a:pt x="110837" y="99358"/>
                        <a:pt x="227272" y="0"/>
                      </a:cubicBezTo>
                      <a:close/>
                    </a:path>
                  </a:pathLst>
                </a:custGeom>
                <a:solidFill>
                  <a:schemeClr val="accent3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/>
                </a:p>
              </p:txBody>
            </p:sp>
          </p:grpSp>
          <p:sp>
            <p:nvSpPr>
              <p:cNvPr id="12" name="타원 11">
                <a:extLst>
                  <a:ext uri="{FF2B5EF4-FFF2-40B4-BE49-F238E27FC236}">
                    <a16:creationId xmlns:a16="http://schemas.microsoft.com/office/drawing/2014/main" id="{E3ED5D5D-DC92-4BF6-B431-CE8E43382FD0}"/>
                  </a:ext>
                </a:extLst>
              </p:cNvPr>
              <p:cNvSpPr/>
              <p:nvPr userDrawn="1"/>
            </p:nvSpPr>
            <p:spPr>
              <a:xfrm>
                <a:off x="5535216" y="-351600"/>
                <a:ext cx="180000" cy="180000"/>
              </a:xfrm>
              <a:prstGeom prst="ellipse">
                <a:avLst/>
              </a:prstGeom>
              <a:solidFill>
                <a:schemeClr val="bg1"/>
              </a:solidFill>
              <a:ln w="12700">
                <a:solidFill>
                  <a:schemeClr val="bg1">
                    <a:lumMod val="7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13" name="직사각형 12">
                <a:extLst>
                  <a:ext uri="{FF2B5EF4-FFF2-40B4-BE49-F238E27FC236}">
                    <a16:creationId xmlns:a16="http://schemas.microsoft.com/office/drawing/2014/main" id="{57F372C6-9816-462E-83F5-DFD56E8AF164}"/>
                  </a:ext>
                </a:extLst>
              </p:cNvPr>
              <p:cNvSpPr/>
              <p:nvPr userDrawn="1"/>
            </p:nvSpPr>
            <p:spPr>
              <a:xfrm flipH="1">
                <a:off x="5614416" y="6445"/>
                <a:ext cx="21600" cy="432000"/>
              </a:xfrm>
              <a:prstGeom prst="rect">
                <a:avLst/>
              </a:pr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14" name="자유형: 도형 13">
                <a:extLst>
                  <a:ext uri="{FF2B5EF4-FFF2-40B4-BE49-F238E27FC236}">
                    <a16:creationId xmlns:a16="http://schemas.microsoft.com/office/drawing/2014/main" id="{F07321F0-763D-431A-87E5-1BD5F333CAE1}"/>
                  </a:ext>
                </a:extLst>
              </p:cNvPr>
              <p:cNvSpPr/>
              <p:nvPr userDrawn="1"/>
            </p:nvSpPr>
            <p:spPr>
              <a:xfrm>
                <a:off x="5304862" y="-1556"/>
                <a:ext cx="143653" cy="453224"/>
              </a:xfrm>
              <a:custGeom>
                <a:avLst/>
                <a:gdLst>
                  <a:gd name="connsiteX0" fmla="*/ 71561 w 116619"/>
                  <a:gd name="connsiteY0" fmla="*/ 0 h 453224"/>
                  <a:gd name="connsiteX1" fmla="*/ 116619 w 116619"/>
                  <a:gd name="connsiteY1" fmla="*/ 145774 h 453224"/>
                  <a:gd name="connsiteX2" fmla="*/ 0 w 116619"/>
                  <a:gd name="connsiteY2" fmla="*/ 453224 h 453224"/>
                  <a:gd name="connsiteX3" fmla="*/ 71561 w 116619"/>
                  <a:gd name="connsiteY3" fmla="*/ 0 h 453224"/>
                  <a:gd name="connsiteX0" fmla="*/ 78782 w 123840"/>
                  <a:gd name="connsiteY0" fmla="*/ 0 h 453224"/>
                  <a:gd name="connsiteX1" fmla="*/ 123840 w 123840"/>
                  <a:gd name="connsiteY1" fmla="*/ 145774 h 453224"/>
                  <a:gd name="connsiteX2" fmla="*/ 7221 w 123840"/>
                  <a:gd name="connsiteY2" fmla="*/ 453224 h 453224"/>
                  <a:gd name="connsiteX3" fmla="*/ 78782 w 123840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5845 w 140903"/>
                  <a:gd name="connsiteY0" fmla="*/ 0 h 453224"/>
                  <a:gd name="connsiteX1" fmla="*/ 140903 w 140903"/>
                  <a:gd name="connsiteY1" fmla="*/ 145774 h 453224"/>
                  <a:gd name="connsiteX2" fmla="*/ 24284 w 140903"/>
                  <a:gd name="connsiteY2" fmla="*/ 453224 h 453224"/>
                  <a:gd name="connsiteX3" fmla="*/ 95845 w 140903"/>
                  <a:gd name="connsiteY3" fmla="*/ 0 h 453224"/>
                  <a:gd name="connsiteX0" fmla="*/ 98595 w 143653"/>
                  <a:gd name="connsiteY0" fmla="*/ 0 h 453224"/>
                  <a:gd name="connsiteX1" fmla="*/ 143653 w 143653"/>
                  <a:gd name="connsiteY1" fmla="*/ 145774 h 453224"/>
                  <a:gd name="connsiteX2" fmla="*/ 27034 w 143653"/>
                  <a:gd name="connsiteY2" fmla="*/ 453224 h 453224"/>
                  <a:gd name="connsiteX3" fmla="*/ 98595 w 143653"/>
                  <a:gd name="connsiteY3" fmla="*/ 0 h 45322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653" h="453224">
                    <a:moveTo>
                      <a:pt x="98595" y="0"/>
                    </a:moveTo>
                    <a:lnTo>
                      <a:pt x="143653" y="145774"/>
                    </a:lnTo>
                    <a:cubicBezTo>
                      <a:pt x="38518" y="232356"/>
                      <a:pt x="50005" y="387847"/>
                      <a:pt x="27034" y="453224"/>
                    </a:cubicBezTo>
                    <a:cubicBezTo>
                      <a:pt x="5831" y="365759"/>
                      <a:pt x="-47179" y="100716"/>
                      <a:pt x="98595" y="0"/>
                    </a:cubicBezTo>
                    <a:close/>
                  </a:path>
                </a:pathLst>
              </a:cu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15" name="자유형: 도형 14">
                <a:extLst>
                  <a:ext uri="{FF2B5EF4-FFF2-40B4-BE49-F238E27FC236}">
                    <a16:creationId xmlns:a16="http://schemas.microsoft.com/office/drawing/2014/main" id="{D39A1E25-A8B6-4EE4-8AC8-D262A0C0D580}"/>
                  </a:ext>
                </a:extLst>
              </p:cNvPr>
              <p:cNvSpPr/>
              <p:nvPr userDrawn="1"/>
            </p:nvSpPr>
            <p:spPr>
              <a:xfrm flipH="1">
                <a:off x="5807099" y="-1556"/>
                <a:ext cx="143653" cy="453224"/>
              </a:xfrm>
              <a:custGeom>
                <a:avLst/>
                <a:gdLst>
                  <a:gd name="connsiteX0" fmla="*/ 71561 w 116619"/>
                  <a:gd name="connsiteY0" fmla="*/ 0 h 453224"/>
                  <a:gd name="connsiteX1" fmla="*/ 116619 w 116619"/>
                  <a:gd name="connsiteY1" fmla="*/ 145774 h 453224"/>
                  <a:gd name="connsiteX2" fmla="*/ 0 w 116619"/>
                  <a:gd name="connsiteY2" fmla="*/ 453224 h 453224"/>
                  <a:gd name="connsiteX3" fmla="*/ 71561 w 116619"/>
                  <a:gd name="connsiteY3" fmla="*/ 0 h 453224"/>
                  <a:gd name="connsiteX0" fmla="*/ 78782 w 123840"/>
                  <a:gd name="connsiteY0" fmla="*/ 0 h 453224"/>
                  <a:gd name="connsiteX1" fmla="*/ 123840 w 123840"/>
                  <a:gd name="connsiteY1" fmla="*/ 145774 h 453224"/>
                  <a:gd name="connsiteX2" fmla="*/ 7221 w 123840"/>
                  <a:gd name="connsiteY2" fmla="*/ 453224 h 453224"/>
                  <a:gd name="connsiteX3" fmla="*/ 78782 w 123840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5845 w 140903"/>
                  <a:gd name="connsiteY0" fmla="*/ 0 h 453224"/>
                  <a:gd name="connsiteX1" fmla="*/ 140903 w 140903"/>
                  <a:gd name="connsiteY1" fmla="*/ 145774 h 453224"/>
                  <a:gd name="connsiteX2" fmla="*/ 24284 w 140903"/>
                  <a:gd name="connsiteY2" fmla="*/ 453224 h 453224"/>
                  <a:gd name="connsiteX3" fmla="*/ 95845 w 140903"/>
                  <a:gd name="connsiteY3" fmla="*/ 0 h 453224"/>
                  <a:gd name="connsiteX0" fmla="*/ 98595 w 143653"/>
                  <a:gd name="connsiteY0" fmla="*/ 0 h 453224"/>
                  <a:gd name="connsiteX1" fmla="*/ 143653 w 143653"/>
                  <a:gd name="connsiteY1" fmla="*/ 145774 h 453224"/>
                  <a:gd name="connsiteX2" fmla="*/ 27034 w 143653"/>
                  <a:gd name="connsiteY2" fmla="*/ 453224 h 453224"/>
                  <a:gd name="connsiteX3" fmla="*/ 98595 w 143653"/>
                  <a:gd name="connsiteY3" fmla="*/ 0 h 45322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653" h="453224">
                    <a:moveTo>
                      <a:pt x="98595" y="0"/>
                    </a:moveTo>
                    <a:lnTo>
                      <a:pt x="143653" y="145774"/>
                    </a:lnTo>
                    <a:cubicBezTo>
                      <a:pt x="38518" y="232356"/>
                      <a:pt x="50005" y="387847"/>
                      <a:pt x="27034" y="453224"/>
                    </a:cubicBezTo>
                    <a:cubicBezTo>
                      <a:pt x="5831" y="365759"/>
                      <a:pt x="-47179" y="100716"/>
                      <a:pt x="98595" y="0"/>
                    </a:cubicBezTo>
                    <a:close/>
                  </a:path>
                </a:pathLst>
              </a:cu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31290448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Basic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 userDrawn="1"/>
        </p:nvSpPr>
        <p:spPr>
          <a:xfrm>
            <a:off x="0" y="0"/>
            <a:ext cx="2987824" cy="5143500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l"/>
            <a:endParaRPr lang="ko-KR" altLang="en-US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67544" y="411510"/>
            <a:ext cx="2303282" cy="1368152"/>
          </a:xfrm>
          <a:prstGeom prst="rect">
            <a:avLst/>
          </a:prstGeom>
        </p:spPr>
        <p:txBody>
          <a:bodyPr anchor="ctr"/>
          <a:lstStyle>
            <a:lvl1pPr marL="0" indent="0" algn="l">
              <a:buNone/>
              <a:defRPr sz="36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BASIC LAYOUT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467544" y="1779662"/>
            <a:ext cx="2303282" cy="504056"/>
          </a:xfrm>
          <a:prstGeom prst="rect">
            <a:avLst/>
          </a:prstGeom>
        </p:spPr>
        <p:txBody>
          <a:bodyPr anchor="ctr"/>
          <a:lstStyle>
            <a:lvl1pPr marL="0" indent="0" algn="l">
              <a:buNone/>
              <a:defRPr sz="14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  <p:grpSp>
        <p:nvGrpSpPr>
          <p:cNvPr id="27" name="그룹 26">
            <a:extLst>
              <a:ext uri="{FF2B5EF4-FFF2-40B4-BE49-F238E27FC236}">
                <a16:creationId xmlns:a16="http://schemas.microsoft.com/office/drawing/2014/main" id="{C5AC382A-C3B5-4BE0-B805-8F9094AFD7DC}"/>
              </a:ext>
            </a:extLst>
          </p:cNvPr>
          <p:cNvGrpSpPr/>
          <p:nvPr userDrawn="1"/>
        </p:nvGrpSpPr>
        <p:grpSpPr>
          <a:xfrm>
            <a:off x="0" y="2571749"/>
            <a:ext cx="2984923" cy="2571751"/>
            <a:chOff x="0" y="2571749"/>
            <a:chExt cx="2984923" cy="2571751"/>
          </a:xfrm>
        </p:grpSpPr>
        <p:grpSp>
          <p:nvGrpSpPr>
            <p:cNvPr id="6" name="Group 5"/>
            <p:cNvGrpSpPr/>
            <p:nvPr userDrawn="1"/>
          </p:nvGrpSpPr>
          <p:grpSpPr>
            <a:xfrm>
              <a:off x="0" y="4032469"/>
              <a:ext cx="2984923" cy="1111031"/>
              <a:chOff x="0" y="4032469"/>
              <a:chExt cx="2984923" cy="1111031"/>
            </a:xfrm>
          </p:grpSpPr>
          <p:sp>
            <p:nvSpPr>
              <p:cNvPr id="2" name="Rectangle 1"/>
              <p:cNvSpPr/>
              <p:nvPr userDrawn="1"/>
            </p:nvSpPr>
            <p:spPr>
              <a:xfrm>
                <a:off x="2527176" y="4443958"/>
                <a:ext cx="457200" cy="699542"/>
              </a:xfrm>
              <a:prstGeom prst="rect">
                <a:avLst/>
              </a:prstGeom>
              <a:solidFill>
                <a:schemeClr val="bg1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ko-KR" altLang="en-US" dirty="0">
                  <a:solidFill>
                    <a:schemeClr val="tx1"/>
                  </a:solidFill>
                </a:endParaRPr>
              </a:p>
            </p:txBody>
          </p:sp>
          <p:sp>
            <p:nvSpPr>
              <p:cNvPr id="3" name="Oval 2"/>
              <p:cNvSpPr/>
              <p:nvPr userDrawn="1"/>
            </p:nvSpPr>
            <p:spPr>
              <a:xfrm>
                <a:off x="2128455" y="4032469"/>
                <a:ext cx="856468" cy="856468"/>
              </a:xfrm>
              <a:prstGeom prst="ellipse">
                <a:avLst/>
              </a:prstGeom>
              <a:solidFill>
                <a:schemeClr val="bg1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ko-KR" altLang="en-US" dirty="0">
                  <a:solidFill>
                    <a:schemeClr val="tx1"/>
                  </a:solidFill>
                </a:endParaRPr>
              </a:p>
            </p:txBody>
          </p:sp>
          <p:sp>
            <p:nvSpPr>
              <p:cNvPr id="8" name="Rectangle 7"/>
              <p:cNvSpPr/>
              <p:nvPr userDrawn="1"/>
            </p:nvSpPr>
            <p:spPr>
              <a:xfrm>
                <a:off x="0" y="4363963"/>
                <a:ext cx="449249" cy="779537"/>
              </a:xfrm>
              <a:prstGeom prst="rect">
                <a:avLst/>
              </a:prstGeom>
              <a:solidFill>
                <a:schemeClr val="bg1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ko-KR" altLang="en-US">
                  <a:solidFill>
                    <a:schemeClr val="tx1"/>
                  </a:solidFill>
                </a:endParaRPr>
              </a:p>
            </p:txBody>
          </p:sp>
          <p:sp>
            <p:nvSpPr>
              <p:cNvPr id="9" name="Oval 8"/>
              <p:cNvSpPr/>
              <p:nvPr userDrawn="1"/>
            </p:nvSpPr>
            <p:spPr>
              <a:xfrm>
                <a:off x="0" y="4117025"/>
                <a:ext cx="457200" cy="457200"/>
              </a:xfrm>
              <a:prstGeom prst="ellipse">
                <a:avLst/>
              </a:prstGeom>
              <a:solidFill>
                <a:schemeClr val="bg1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ko-KR" altLang="en-US">
                  <a:solidFill>
                    <a:schemeClr val="tx1"/>
                  </a:solidFill>
                </a:endParaRPr>
              </a:p>
            </p:txBody>
          </p:sp>
        </p:grpSp>
        <p:sp>
          <p:nvSpPr>
            <p:cNvPr id="26" name="자유형: 도형 25">
              <a:extLst>
                <a:ext uri="{FF2B5EF4-FFF2-40B4-BE49-F238E27FC236}">
                  <a16:creationId xmlns:a16="http://schemas.microsoft.com/office/drawing/2014/main" id="{A909D931-338B-4F68-B73A-DDF2CA17DD12}"/>
                </a:ext>
              </a:extLst>
            </p:cNvPr>
            <p:cNvSpPr/>
            <p:nvPr userDrawn="1"/>
          </p:nvSpPr>
          <p:spPr>
            <a:xfrm>
              <a:off x="0" y="3170955"/>
              <a:ext cx="2544134" cy="1972545"/>
            </a:xfrm>
            <a:custGeom>
              <a:avLst/>
              <a:gdLst>
                <a:gd name="connsiteX0" fmla="*/ 1395974 w 2544134"/>
                <a:gd name="connsiteY0" fmla="*/ 0 h 1972545"/>
                <a:gd name="connsiteX1" fmla="*/ 1581175 w 2544134"/>
                <a:gd name="connsiteY1" fmla="*/ 0 h 1972545"/>
                <a:gd name="connsiteX2" fmla="*/ 1629807 w 2544134"/>
                <a:gd name="connsiteY2" fmla="*/ 388693 h 1972545"/>
                <a:gd name="connsiteX3" fmla="*/ 1660266 w 2544134"/>
                <a:gd name="connsiteY3" fmla="*/ 394521 h 1972545"/>
                <a:gd name="connsiteX4" fmla="*/ 1843628 w 2544134"/>
                <a:gd name="connsiteY4" fmla="*/ 524107 h 1972545"/>
                <a:gd name="connsiteX5" fmla="*/ 1859380 w 2544134"/>
                <a:gd name="connsiteY5" fmla="*/ 553128 h 1972545"/>
                <a:gd name="connsiteX6" fmla="*/ 1884339 w 2544134"/>
                <a:gd name="connsiteY6" fmla="*/ 550612 h 1972545"/>
                <a:gd name="connsiteX7" fmla="*/ 2175988 w 2544134"/>
                <a:gd name="connsiteY7" fmla="*/ 743930 h 1972545"/>
                <a:gd name="connsiteX8" fmla="*/ 2180885 w 2544134"/>
                <a:gd name="connsiteY8" fmla="*/ 759703 h 1972545"/>
                <a:gd name="connsiteX9" fmla="*/ 2191569 w 2544134"/>
                <a:gd name="connsiteY9" fmla="*/ 756387 h 1972545"/>
                <a:gd name="connsiteX10" fmla="*/ 2234564 w 2544134"/>
                <a:gd name="connsiteY10" fmla="*/ 752052 h 1972545"/>
                <a:gd name="connsiteX11" fmla="*/ 2443572 w 2544134"/>
                <a:gd name="connsiteY11" fmla="*/ 922399 h 1972545"/>
                <a:gd name="connsiteX12" fmla="*/ 2445282 w 2544134"/>
                <a:gd name="connsiteY12" fmla="*/ 939364 h 1972545"/>
                <a:gd name="connsiteX13" fmla="*/ 2508998 w 2544134"/>
                <a:gd name="connsiteY13" fmla="*/ 945787 h 1972545"/>
                <a:gd name="connsiteX14" fmla="*/ 2544134 w 2544134"/>
                <a:gd name="connsiteY14" fmla="*/ 956223 h 1972545"/>
                <a:gd name="connsiteX15" fmla="*/ 2544134 w 2544134"/>
                <a:gd name="connsiteY15" fmla="*/ 1972545 h 1972545"/>
                <a:gd name="connsiteX16" fmla="*/ 354884 w 2544134"/>
                <a:gd name="connsiteY16" fmla="*/ 1972545 h 1972545"/>
                <a:gd name="connsiteX17" fmla="*/ 342134 w 2544134"/>
                <a:gd name="connsiteY17" fmla="*/ 1965625 h 1972545"/>
                <a:gd name="connsiteX18" fmla="*/ 244050 w 2544134"/>
                <a:gd name="connsiteY18" fmla="*/ 1838062 h 1972545"/>
                <a:gd name="connsiteX19" fmla="*/ 241474 w 2544134"/>
                <a:gd name="connsiteY19" fmla="*/ 1812505 h 1972545"/>
                <a:gd name="connsiteX20" fmla="*/ 236764 w 2544134"/>
                <a:gd name="connsiteY20" fmla="*/ 1816784 h 1972545"/>
                <a:gd name="connsiteX21" fmla="*/ 103253 w 2544134"/>
                <a:gd name="connsiteY21" fmla="*/ 1857566 h 1972545"/>
                <a:gd name="connsiteX22" fmla="*/ 10304 w 2544134"/>
                <a:gd name="connsiteY22" fmla="*/ 1838801 h 1972545"/>
                <a:gd name="connsiteX23" fmla="*/ 0 w 2544134"/>
                <a:gd name="connsiteY23" fmla="*/ 1833208 h 1972545"/>
                <a:gd name="connsiteX24" fmla="*/ 0 w 2544134"/>
                <a:gd name="connsiteY24" fmla="*/ 1404340 h 1972545"/>
                <a:gd name="connsiteX25" fmla="*/ 10304 w 2544134"/>
                <a:gd name="connsiteY25" fmla="*/ 1398747 h 1972545"/>
                <a:gd name="connsiteX26" fmla="*/ 103253 w 2544134"/>
                <a:gd name="connsiteY26" fmla="*/ 1379981 h 1972545"/>
                <a:gd name="connsiteX27" fmla="*/ 151378 w 2544134"/>
                <a:gd name="connsiteY27" fmla="*/ 1384832 h 1972545"/>
                <a:gd name="connsiteX28" fmla="*/ 162402 w 2544134"/>
                <a:gd name="connsiteY28" fmla="*/ 1388255 h 1972545"/>
                <a:gd name="connsiteX29" fmla="*/ 159919 w 2544134"/>
                <a:gd name="connsiteY29" fmla="*/ 1363619 h 1972545"/>
                <a:gd name="connsiteX30" fmla="*/ 522221 w 2544134"/>
                <a:gd name="connsiteY30" fmla="*/ 1001317 h 1972545"/>
                <a:gd name="connsiteX31" fmla="*/ 595237 w 2544134"/>
                <a:gd name="connsiteY31" fmla="*/ 1008678 h 1972545"/>
                <a:gd name="connsiteX32" fmla="*/ 617610 w 2544134"/>
                <a:gd name="connsiteY32" fmla="*/ 1015623 h 1972545"/>
                <a:gd name="connsiteX33" fmla="*/ 630288 w 2544134"/>
                <a:gd name="connsiteY33" fmla="*/ 1000258 h 1972545"/>
                <a:gd name="connsiteX34" fmla="*/ 886474 w 2544134"/>
                <a:gd name="connsiteY34" fmla="*/ 894142 h 1972545"/>
                <a:gd name="connsiteX35" fmla="*/ 896697 w 2544134"/>
                <a:gd name="connsiteY35" fmla="*/ 895173 h 1972545"/>
                <a:gd name="connsiteX36" fmla="*/ 889510 w 2544134"/>
                <a:gd name="connsiteY36" fmla="*/ 872020 h 1972545"/>
                <a:gd name="connsiteX37" fmla="*/ 886474 w 2544134"/>
                <a:gd name="connsiteY37" fmla="*/ 841898 h 1972545"/>
                <a:gd name="connsiteX38" fmla="*/ 1005814 w 2544134"/>
                <a:gd name="connsiteY38" fmla="*/ 695472 h 1972545"/>
                <a:gd name="connsiteX39" fmla="*/ 1011986 w 2544134"/>
                <a:gd name="connsiteY39" fmla="*/ 694850 h 1972545"/>
                <a:gd name="connsiteX40" fmla="*/ 1016112 w 2544134"/>
                <a:gd name="connsiteY40" fmla="*/ 653922 h 1972545"/>
                <a:gd name="connsiteX41" fmla="*/ 1301359 w 2544134"/>
                <a:gd name="connsiteY41" fmla="*/ 421440 h 1972545"/>
                <a:gd name="connsiteX42" fmla="*/ 1342724 w 2544134"/>
                <a:gd name="connsiteY42" fmla="*/ 425610 h 197254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</a:cxnLst>
              <a:rect l="l" t="t" r="r" b="b"/>
              <a:pathLst>
                <a:path w="2544134" h="1972545">
                  <a:moveTo>
                    <a:pt x="1395974" y="0"/>
                  </a:moveTo>
                  <a:lnTo>
                    <a:pt x="1581175" y="0"/>
                  </a:lnTo>
                  <a:lnTo>
                    <a:pt x="1629807" y="388693"/>
                  </a:lnTo>
                  <a:lnTo>
                    <a:pt x="1660266" y="394521"/>
                  </a:lnTo>
                  <a:cubicBezTo>
                    <a:pt x="1736117" y="414036"/>
                    <a:pt x="1800967" y="460961"/>
                    <a:pt x="1843628" y="524107"/>
                  </a:cubicBezTo>
                  <a:lnTo>
                    <a:pt x="1859380" y="553128"/>
                  </a:lnTo>
                  <a:lnTo>
                    <a:pt x="1884339" y="550612"/>
                  </a:lnTo>
                  <a:cubicBezTo>
                    <a:pt x="2015447" y="550612"/>
                    <a:pt x="2127937" y="630325"/>
                    <a:pt x="2175988" y="743930"/>
                  </a:cubicBezTo>
                  <a:lnTo>
                    <a:pt x="2180885" y="759703"/>
                  </a:lnTo>
                  <a:lnTo>
                    <a:pt x="2191569" y="756387"/>
                  </a:lnTo>
                  <a:cubicBezTo>
                    <a:pt x="2205457" y="753545"/>
                    <a:pt x="2219836" y="752052"/>
                    <a:pt x="2234564" y="752052"/>
                  </a:cubicBezTo>
                  <a:cubicBezTo>
                    <a:pt x="2337661" y="752052"/>
                    <a:pt x="2423678" y="825183"/>
                    <a:pt x="2443572" y="922399"/>
                  </a:cubicBezTo>
                  <a:lnTo>
                    <a:pt x="2445282" y="939364"/>
                  </a:lnTo>
                  <a:lnTo>
                    <a:pt x="2508998" y="945787"/>
                  </a:lnTo>
                  <a:lnTo>
                    <a:pt x="2544134" y="956223"/>
                  </a:lnTo>
                  <a:lnTo>
                    <a:pt x="2544134" y="1972545"/>
                  </a:lnTo>
                  <a:lnTo>
                    <a:pt x="354884" y="1972545"/>
                  </a:lnTo>
                  <a:lnTo>
                    <a:pt x="342134" y="1965625"/>
                  </a:lnTo>
                  <a:cubicBezTo>
                    <a:pt x="295511" y="1934418"/>
                    <a:pt x="255183" y="1892469"/>
                    <a:pt x="244050" y="1838062"/>
                  </a:cubicBezTo>
                  <a:lnTo>
                    <a:pt x="241474" y="1812505"/>
                  </a:lnTo>
                  <a:lnTo>
                    <a:pt x="236764" y="1816784"/>
                  </a:lnTo>
                  <a:cubicBezTo>
                    <a:pt x="198653" y="1842531"/>
                    <a:pt x="152709" y="1857566"/>
                    <a:pt x="103253" y="1857566"/>
                  </a:cubicBezTo>
                  <a:cubicBezTo>
                    <a:pt x="70283" y="1857566"/>
                    <a:pt x="38873" y="1850884"/>
                    <a:pt x="10304" y="1838801"/>
                  </a:cubicBezTo>
                  <a:lnTo>
                    <a:pt x="0" y="1833208"/>
                  </a:lnTo>
                  <a:lnTo>
                    <a:pt x="0" y="1404340"/>
                  </a:lnTo>
                  <a:lnTo>
                    <a:pt x="10304" y="1398747"/>
                  </a:lnTo>
                  <a:cubicBezTo>
                    <a:pt x="38873" y="1386663"/>
                    <a:pt x="70283" y="1379981"/>
                    <a:pt x="103253" y="1379981"/>
                  </a:cubicBezTo>
                  <a:cubicBezTo>
                    <a:pt x="119738" y="1379981"/>
                    <a:pt x="135833" y="1381652"/>
                    <a:pt x="151378" y="1384832"/>
                  </a:cubicBezTo>
                  <a:lnTo>
                    <a:pt x="162402" y="1388255"/>
                  </a:lnTo>
                  <a:lnTo>
                    <a:pt x="159919" y="1363619"/>
                  </a:lnTo>
                  <a:cubicBezTo>
                    <a:pt x="159919" y="1163525"/>
                    <a:pt x="322127" y="1001317"/>
                    <a:pt x="522221" y="1001317"/>
                  </a:cubicBezTo>
                  <a:cubicBezTo>
                    <a:pt x="547233" y="1001317"/>
                    <a:pt x="571652" y="1003852"/>
                    <a:pt x="595237" y="1008678"/>
                  </a:cubicBezTo>
                  <a:lnTo>
                    <a:pt x="617610" y="1015623"/>
                  </a:lnTo>
                  <a:lnTo>
                    <a:pt x="630288" y="1000258"/>
                  </a:lnTo>
                  <a:cubicBezTo>
                    <a:pt x="695852" y="934694"/>
                    <a:pt x="786427" y="894142"/>
                    <a:pt x="886474" y="894142"/>
                  </a:cubicBezTo>
                  <a:lnTo>
                    <a:pt x="896697" y="895173"/>
                  </a:lnTo>
                  <a:lnTo>
                    <a:pt x="889510" y="872020"/>
                  </a:lnTo>
                  <a:cubicBezTo>
                    <a:pt x="887519" y="862290"/>
                    <a:pt x="886474" y="852216"/>
                    <a:pt x="886474" y="841898"/>
                  </a:cubicBezTo>
                  <a:cubicBezTo>
                    <a:pt x="886474" y="769671"/>
                    <a:pt x="937707" y="709409"/>
                    <a:pt x="1005814" y="695472"/>
                  </a:cubicBezTo>
                  <a:lnTo>
                    <a:pt x="1011986" y="694850"/>
                  </a:lnTo>
                  <a:lnTo>
                    <a:pt x="1016112" y="653922"/>
                  </a:lnTo>
                  <a:cubicBezTo>
                    <a:pt x="1043262" y="521245"/>
                    <a:pt x="1160655" y="421440"/>
                    <a:pt x="1301359" y="421440"/>
                  </a:cubicBezTo>
                  <a:lnTo>
                    <a:pt x="1342724" y="425610"/>
                  </a:lnTo>
                  <a:close/>
                </a:path>
              </a:pathLst>
            </a:cu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rtlCol="0" anchor="ctr">
              <a:noAutofit/>
            </a:bodyPr>
            <a:lstStyle/>
            <a:p>
              <a:pPr algn="ctr"/>
              <a:endParaRPr lang="ko-KR" altLang="en-US"/>
            </a:p>
          </p:txBody>
        </p:sp>
        <p:grpSp>
          <p:nvGrpSpPr>
            <p:cNvPr id="15" name="그룹 14">
              <a:extLst>
                <a:ext uri="{FF2B5EF4-FFF2-40B4-BE49-F238E27FC236}">
                  <a16:creationId xmlns:a16="http://schemas.microsoft.com/office/drawing/2014/main" id="{835AEBDB-6E77-465B-802B-2411CB9307EC}"/>
                </a:ext>
              </a:extLst>
            </p:cNvPr>
            <p:cNvGrpSpPr/>
            <p:nvPr userDrawn="1"/>
          </p:nvGrpSpPr>
          <p:grpSpPr>
            <a:xfrm>
              <a:off x="1278074" y="2571749"/>
              <a:ext cx="413353" cy="794587"/>
              <a:chOff x="5304862" y="-789923"/>
              <a:chExt cx="645890" cy="1241591"/>
            </a:xfrm>
          </p:grpSpPr>
          <p:grpSp>
            <p:nvGrpSpPr>
              <p:cNvPr id="16" name="그룹 15">
                <a:extLst>
                  <a:ext uri="{FF2B5EF4-FFF2-40B4-BE49-F238E27FC236}">
                    <a16:creationId xmlns:a16="http://schemas.microsoft.com/office/drawing/2014/main" id="{5E76A47E-F7A7-4DA1-9B8C-D7B1A60D5D71}"/>
                  </a:ext>
                </a:extLst>
              </p:cNvPr>
              <p:cNvGrpSpPr/>
              <p:nvPr userDrawn="1"/>
            </p:nvGrpSpPr>
            <p:grpSpPr>
              <a:xfrm>
                <a:off x="5377232" y="-789923"/>
                <a:ext cx="495969" cy="1052585"/>
                <a:chOff x="5868144" y="-857099"/>
                <a:chExt cx="495969" cy="1052585"/>
              </a:xfrm>
            </p:grpSpPr>
            <p:sp>
              <p:nvSpPr>
                <p:cNvPr id="21" name="이등변 삼각형 49">
                  <a:extLst>
                    <a:ext uri="{FF2B5EF4-FFF2-40B4-BE49-F238E27FC236}">
                      <a16:creationId xmlns:a16="http://schemas.microsoft.com/office/drawing/2014/main" id="{67190486-51A1-4AB6-8B4F-B570F9832336}"/>
                    </a:ext>
                  </a:extLst>
                </p:cNvPr>
                <p:cNvSpPr/>
                <p:nvPr userDrawn="1"/>
              </p:nvSpPr>
              <p:spPr>
                <a:xfrm>
                  <a:off x="5868144" y="-853769"/>
                  <a:ext cx="495969" cy="1049255"/>
                </a:xfrm>
                <a:custGeom>
                  <a:avLst/>
                  <a:gdLst>
                    <a:gd name="connsiteX0" fmla="*/ 0 w 311344"/>
                    <a:gd name="connsiteY0" fmla="*/ 1049255 h 1049255"/>
                    <a:gd name="connsiteX1" fmla="*/ 155672 w 311344"/>
                    <a:gd name="connsiteY1" fmla="*/ 0 h 1049255"/>
                    <a:gd name="connsiteX2" fmla="*/ 311344 w 311344"/>
                    <a:gd name="connsiteY2" fmla="*/ 1049255 h 1049255"/>
                    <a:gd name="connsiteX3" fmla="*/ 0 w 311344"/>
                    <a:gd name="connsiteY3" fmla="*/ 1049255 h 1049255"/>
                    <a:gd name="connsiteX0" fmla="*/ 45684 w 357028"/>
                    <a:gd name="connsiteY0" fmla="*/ 1049255 h 1049255"/>
                    <a:gd name="connsiteX1" fmla="*/ 201356 w 357028"/>
                    <a:gd name="connsiteY1" fmla="*/ 0 h 1049255"/>
                    <a:gd name="connsiteX2" fmla="*/ 357028 w 357028"/>
                    <a:gd name="connsiteY2" fmla="*/ 1049255 h 1049255"/>
                    <a:gd name="connsiteX3" fmla="*/ 45684 w 357028"/>
                    <a:gd name="connsiteY3" fmla="*/ 1049255 h 1049255"/>
                    <a:gd name="connsiteX0" fmla="*/ 45684 w 416158"/>
                    <a:gd name="connsiteY0" fmla="*/ 1049255 h 1049255"/>
                    <a:gd name="connsiteX1" fmla="*/ 201356 w 416158"/>
                    <a:gd name="connsiteY1" fmla="*/ 0 h 1049255"/>
                    <a:gd name="connsiteX2" fmla="*/ 357028 w 416158"/>
                    <a:gd name="connsiteY2" fmla="*/ 1049255 h 1049255"/>
                    <a:gd name="connsiteX3" fmla="*/ 45684 w 416158"/>
                    <a:gd name="connsiteY3" fmla="*/ 1049255 h 1049255"/>
                    <a:gd name="connsiteX0" fmla="*/ 87161 w 457635"/>
                    <a:gd name="connsiteY0" fmla="*/ 1049255 h 1049255"/>
                    <a:gd name="connsiteX1" fmla="*/ 242833 w 457635"/>
                    <a:gd name="connsiteY1" fmla="*/ 0 h 1049255"/>
                    <a:gd name="connsiteX2" fmla="*/ 398505 w 457635"/>
                    <a:gd name="connsiteY2" fmla="*/ 1049255 h 1049255"/>
                    <a:gd name="connsiteX3" fmla="*/ 87161 w 457635"/>
                    <a:gd name="connsiteY3" fmla="*/ 1049255 h 1049255"/>
                    <a:gd name="connsiteX0" fmla="*/ 87161 w 500627"/>
                    <a:gd name="connsiteY0" fmla="*/ 1049255 h 1049255"/>
                    <a:gd name="connsiteX1" fmla="*/ 242833 w 500627"/>
                    <a:gd name="connsiteY1" fmla="*/ 0 h 1049255"/>
                    <a:gd name="connsiteX2" fmla="*/ 398505 w 500627"/>
                    <a:gd name="connsiteY2" fmla="*/ 1049255 h 1049255"/>
                    <a:gd name="connsiteX3" fmla="*/ 87161 w 500627"/>
                    <a:gd name="connsiteY3" fmla="*/ 1049255 h 1049255"/>
                    <a:gd name="connsiteX0" fmla="*/ 91187 w 504653"/>
                    <a:gd name="connsiteY0" fmla="*/ 1049255 h 1049255"/>
                    <a:gd name="connsiteX1" fmla="*/ 246859 w 504653"/>
                    <a:gd name="connsiteY1" fmla="*/ 0 h 1049255"/>
                    <a:gd name="connsiteX2" fmla="*/ 402531 w 504653"/>
                    <a:gd name="connsiteY2" fmla="*/ 1049255 h 1049255"/>
                    <a:gd name="connsiteX3" fmla="*/ 91187 w 504653"/>
                    <a:gd name="connsiteY3" fmla="*/ 1049255 h 1049255"/>
                    <a:gd name="connsiteX0" fmla="*/ 91187 w 500775"/>
                    <a:gd name="connsiteY0" fmla="*/ 1049255 h 1049255"/>
                    <a:gd name="connsiteX1" fmla="*/ 246859 w 500775"/>
                    <a:gd name="connsiteY1" fmla="*/ 0 h 1049255"/>
                    <a:gd name="connsiteX2" fmla="*/ 402531 w 500775"/>
                    <a:gd name="connsiteY2" fmla="*/ 1049255 h 1049255"/>
                    <a:gd name="connsiteX3" fmla="*/ 91187 w 500775"/>
                    <a:gd name="connsiteY3" fmla="*/ 1049255 h 1049255"/>
                    <a:gd name="connsiteX0" fmla="*/ 91187 w 484758"/>
                    <a:gd name="connsiteY0" fmla="*/ 1049255 h 1049255"/>
                    <a:gd name="connsiteX1" fmla="*/ 246859 w 484758"/>
                    <a:gd name="connsiteY1" fmla="*/ 0 h 1049255"/>
                    <a:gd name="connsiteX2" fmla="*/ 402531 w 484758"/>
                    <a:gd name="connsiteY2" fmla="*/ 1049255 h 1049255"/>
                    <a:gd name="connsiteX3" fmla="*/ 91187 w 484758"/>
                    <a:gd name="connsiteY3" fmla="*/ 1049255 h 1049255"/>
                    <a:gd name="connsiteX0" fmla="*/ 91187 w 488692"/>
                    <a:gd name="connsiteY0" fmla="*/ 1049255 h 1049255"/>
                    <a:gd name="connsiteX1" fmla="*/ 246859 w 488692"/>
                    <a:gd name="connsiteY1" fmla="*/ 0 h 1049255"/>
                    <a:gd name="connsiteX2" fmla="*/ 402531 w 488692"/>
                    <a:gd name="connsiteY2" fmla="*/ 1049255 h 1049255"/>
                    <a:gd name="connsiteX3" fmla="*/ 91187 w 488692"/>
                    <a:gd name="connsiteY3" fmla="*/ 1049255 h 1049255"/>
                    <a:gd name="connsiteX0" fmla="*/ 91187 w 492707"/>
                    <a:gd name="connsiteY0" fmla="*/ 1049255 h 1049255"/>
                    <a:gd name="connsiteX1" fmla="*/ 246859 w 492707"/>
                    <a:gd name="connsiteY1" fmla="*/ 0 h 1049255"/>
                    <a:gd name="connsiteX2" fmla="*/ 402531 w 492707"/>
                    <a:gd name="connsiteY2" fmla="*/ 1049255 h 1049255"/>
                    <a:gd name="connsiteX3" fmla="*/ 91187 w 492707"/>
                    <a:gd name="connsiteY3" fmla="*/ 1049255 h 1049255"/>
                    <a:gd name="connsiteX0" fmla="*/ 95257 w 496777"/>
                    <a:gd name="connsiteY0" fmla="*/ 1049255 h 1049255"/>
                    <a:gd name="connsiteX1" fmla="*/ 250929 w 496777"/>
                    <a:gd name="connsiteY1" fmla="*/ 0 h 1049255"/>
                    <a:gd name="connsiteX2" fmla="*/ 406601 w 496777"/>
                    <a:gd name="connsiteY2" fmla="*/ 1049255 h 1049255"/>
                    <a:gd name="connsiteX3" fmla="*/ 95257 w 496777"/>
                    <a:gd name="connsiteY3" fmla="*/ 1049255 h 1049255"/>
                    <a:gd name="connsiteX0" fmla="*/ 95257 w 485293"/>
                    <a:gd name="connsiteY0" fmla="*/ 1049255 h 1049255"/>
                    <a:gd name="connsiteX1" fmla="*/ 250929 w 485293"/>
                    <a:gd name="connsiteY1" fmla="*/ 0 h 1049255"/>
                    <a:gd name="connsiteX2" fmla="*/ 406601 w 485293"/>
                    <a:gd name="connsiteY2" fmla="*/ 1049255 h 1049255"/>
                    <a:gd name="connsiteX3" fmla="*/ 95257 w 485293"/>
                    <a:gd name="connsiteY3" fmla="*/ 1049255 h 1049255"/>
                    <a:gd name="connsiteX0" fmla="*/ 95257 w 494828"/>
                    <a:gd name="connsiteY0" fmla="*/ 1049255 h 1049255"/>
                    <a:gd name="connsiteX1" fmla="*/ 250929 w 494828"/>
                    <a:gd name="connsiteY1" fmla="*/ 0 h 1049255"/>
                    <a:gd name="connsiteX2" fmla="*/ 406601 w 494828"/>
                    <a:gd name="connsiteY2" fmla="*/ 1049255 h 1049255"/>
                    <a:gd name="connsiteX3" fmla="*/ 95257 w 494828"/>
                    <a:gd name="connsiteY3" fmla="*/ 1049255 h 1049255"/>
                    <a:gd name="connsiteX0" fmla="*/ 95257 w 493814"/>
                    <a:gd name="connsiteY0" fmla="*/ 1049255 h 1049255"/>
                    <a:gd name="connsiteX1" fmla="*/ 250929 w 493814"/>
                    <a:gd name="connsiteY1" fmla="*/ 0 h 1049255"/>
                    <a:gd name="connsiteX2" fmla="*/ 406601 w 493814"/>
                    <a:gd name="connsiteY2" fmla="*/ 1049255 h 1049255"/>
                    <a:gd name="connsiteX3" fmla="*/ 95257 w 493814"/>
                    <a:gd name="connsiteY3" fmla="*/ 1049255 h 1049255"/>
                    <a:gd name="connsiteX0" fmla="*/ 95257 w 496864"/>
                    <a:gd name="connsiteY0" fmla="*/ 1049255 h 1049255"/>
                    <a:gd name="connsiteX1" fmla="*/ 250929 w 496864"/>
                    <a:gd name="connsiteY1" fmla="*/ 0 h 1049255"/>
                    <a:gd name="connsiteX2" fmla="*/ 406601 w 496864"/>
                    <a:gd name="connsiteY2" fmla="*/ 1049255 h 1049255"/>
                    <a:gd name="connsiteX3" fmla="*/ 95257 w 496864"/>
                    <a:gd name="connsiteY3" fmla="*/ 1049255 h 1049255"/>
                    <a:gd name="connsiteX0" fmla="*/ 95257 w 497887"/>
                    <a:gd name="connsiteY0" fmla="*/ 1049255 h 1049255"/>
                    <a:gd name="connsiteX1" fmla="*/ 250929 w 497887"/>
                    <a:gd name="connsiteY1" fmla="*/ 0 h 1049255"/>
                    <a:gd name="connsiteX2" fmla="*/ 406601 w 497887"/>
                    <a:gd name="connsiteY2" fmla="*/ 1049255 h 1049255"/>
                    <a:gd name="connsiteX3" fmla="*/ 95257 w 497887"/>
                    <a:gd name="connsiteY3" fmla="*/ 1049255 h 1049255"/>
                    <a:gd name="connsiteX0" fmla="*/ 95257 w 495969"/>
                    <a:gd name="connsiteY0" fmla="*/ 1049255 h 1049255"/>
                    <a:gd name="connsiteX1" fmla="*/ 250929 w 495969"/>
                    <a:gd name="connsiteY1" fmla="*/ 0 h 1049255"/>
                    <a:gd name="connsiteX2" fmla="*/ 406601 w 495969"/>
                    <a:gd name="connsiteY2" fmla="*/ 1049255 h 1049255"/>
                    <a:gd name="connsiteX3" fmla="*/ 95257 w 495969"/>
                    <a:gd name="connsiteY3" fmla="*/ 1049255 h 104925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495969" h="1049255">
                      <a:moveTo>
                        <a:pt x="95257" y="1049255"/>
                      </a:moveTo>
                      <a:cubicBezTo>
                        <a:pt x="6676" y="723357"/>
                        <a:pt x="-121664" y="317947"/>
                        <a:pt x="250929" y="0"/>
                      </a:cubicBezTo>
                      <a:cubicBezTo>
                        <a:pt x="612920" y="328549"/>
                        <a:pt x="489882" y="781667"/>
                        <a:pt x="406601" y="1049255"/>
                      </a:cubicBezTo>
                      <a:lnTo>
                        <a:pt x="95257" y="1049255"/>
                      </a:lnTo>
                      <a:close/>
                    </a:path>
                  </a:pathLst>
                </a:custGeom>
                <a:solidFill>
                  <a:schemeClr val="bg1">
                    <a:lumMod val="85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 dirty="0"/>
                </a:p>
              </p:txBody>
            </p:sp>
            <p:sp>
              <p:nvSpPr>
                <p:cNvPr id="22" name="자유형: 도형 21">
                  <a:extLst>
                    <a:ext uri="{FF2B5EF4-FFF2-40B4-BE49-F238E27FC236}">
                      <a16:creationId xmlns:a16="http://schemas.microsoft.com/office/drawing/2014/main" id="{56F15390-B3DB-4D76-834D-291CE0D12AD3}"/>
                    </a:ext>
                  </a:extLst>
                </p:cNvPr>
                <p:cNvSpPr/>
                <p:nvPr userDrawn="1"/>
              </p:nvSpPr>
              <p:spPr>
                <a:xfrm>
                  <a:off x="5939427" y="102551"/>
                  <a:ext cx="364003" cy="92935"/>
                </a:xfrm>
                <a:custGeom>
                  <a:avLst/>
                  <a:gdLst>
                    <a:gd name="connsiteX0" fmla="*/ 0 w 364003"/>
                    <a:gd name="connsiteY0" fmla="*/ 0 h 92935"/>
                    <a:gd name="connsiteX1" fmla="*/ 364003 w 364003"/>
                    <a:gd name="connsiteY1" fmla="*/ 0 h 92935"/>
                    <a:gd name="connsiteX2" fmla="*/ 336518 w 364003"/>
                    <a:gd name="connsiteY2" fmla="*/ 92935 h 92935"/>
                    <a:gd name="connsiteX3" fmla="*/ 25174 w 364003"/>
                    <a:gd name="connsiteY3" fmla="*/ 92935 h 9293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364003" h="92935">
                      <a:moveTo>
                        <a:pt x="0" y="0"/>
                      </a:moveTo>
                      <a:lnTo>
                        <a:pt x="364003" y="0"/>
                      </a:lnTo>
                      <a:lnTo>
                        <a:pt x="336518" y="92935"/>
                      </a:lnTo>
                      <a:lnTo>
                        <a:pt x="25174" y="92935"/>
                      </a:lnTo>
                      <a:close/>
                    </a:path>
                  </a:pathLst>
                </a:custGeom>
                <a:solidFill>
                  <a:schemeClr val="bg1">
                    <a:lumMod val="65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/>
                </a:p>
              </p:txBody>
            </p:sp>
            <p:sp>
              <p:nvSpPr>
                <p:cNvPr id="23" name="자유형: 도형 22">
                  <a:extLst>
                    <a:ext uri="{FF2B5EF4-FFF2-40B4-BE49-F238E27FC236}">
                      <a16:creationId xmlns:a16="http://schemas.microsoft.com/office/drawing/2014/main" id="{3BA87288-70D8-4753-8DAA-8CA1C332EF6C}"/>
                    </a:ext>
                  </a:extLst>
                </p:cNvPr>
                <p:cNvSpPr/>
                <p:nvPr userDrawn="1"/>
              </p:nvSpPr>
              <p:spPr>
                <a:xfrm>
                  <a:off x="5893989" y="-857099"/>
                  <a:ext cx="444279" cy="350537"/>
                </a:xfrm>
                <a:custGeom>
                  <a:avLst/>
                  <a:gdLst>
                    <a:gd name="connsiteX0" fmla="*/ 227272 w 444279"/>
                    <a:gd name="connsiteY0" fmla="*/ 0 h 350537"/>
                    <a:gd name="connsiteX1" fmla="*/ 440556 w 444279"/>
                    <a:gd name="connsiteY1" fmla="*/ 335046 h 350537"/>
                    <a:gd name="connsiteX2" fmla="*/ 444279 w 444279"/>
                    <a:gd name="connsiteY2" fmla="*/ 350537 h 350537"/>
                    <a:gd name="connsiteX3" fmla="*/ 0 w 444279"/>
                    <a:gd name="connsiteY3" fmla="*/ 350537 h 350537"/>
                    <a:gd name="connsiteX4" fmla="*/ 8223 w 444279"/>
                    <a:gd name="connsiteY4" fmla="*/ 318604 h 350537"/>
                    <a:gd name="connsiteX5" fmla="*/ 227272 w 444279"/>
                    <a:gd name="connsiteY5" fmla="*/ 0 h 350537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</a:cxnLst>
                  <a:rect l="l" t="t" r="r" b="b"/>
                  <a:pathLst>
                    <a:path w="444279" h="350537">
                      <a:moveTo>
                        <a:pt x="227272" y="0"/>
                      </a:moveTo>
                      <a:cubicBezTo>
                        <a:pt x="340394" y="102672"/>
                        <a:pt x="406151" y="217508"/>
                        <a:pt x="440556" y="335046"/>
                      </a:cubicBezTo>
                      <a:lnTo>
                        <a:pt x="444279" y="350537"/>
                      </a:lnTo>
                      <a:lnTo>
                        <a:pt x="0" y="350537"/>
                      </a:lnTo>
                      <a:lnTo>
                        <a:pt x="8223" y="318604"/>
                      </a:lnTo>
                      <a:cubicBezTo>
                        <a:pt x="43321" y="207258"/>
                        <a:pt x="110837" y="99358"/>
                        <a:pt x="227272" y="0"/>
                      </a:cubicBezTo>
                      <a:close/>
                    </a:path>
                  </a:pathLst>
                </a:custGeom>
                <a:solidFill>
                  <a:schemeClr val="accent3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/>
                </a:p>
              </p:txBody>
            </p:sp>
          </p:grpSp>
          <p:sp>
            <p:nvSpPr>
              <p:cNvPr id="17" name="타원 16">
                <a:extLst>
                  <a:ext uri="{FF2B5EF4-FFF2-40B4-BE49-F238E27FC236}">
                    <a16:creationId xmlns:a16="http://schemas.microsoft.com/office/drawing/2014/main" id="{AD475AD4-CA04-4B61-9BB4-408BA6A11E05}"/>
                  </a:ext>
                </a:extLst>
              </p:cNvPr>
              <p:cNvSpPr/>
              <p:nvPr userDrawn="1"/>
            </p:nvSpPr>
            <p:spPr>
              <a:xfrm>
                <a:off x="5535216" y="-351600"/>
                <a:ext cx="180000" cy="180000"/>
              </a:xfrm>
              <a:prstGeom prst="ellipse">
                <a:avLst/>
              </a:prstGeom>
              <a:solidFill>
                <a:schemeClr val="bg1"/>
              </a:solidFill>
              <a:ln w="12700">
                <a:solidFill>
                  <a:schemeClr val="bg1">
                    <a:lumMod val="7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18" name="직사각형 17">
                <a:extLst>
                  <a:ext uri="{FF2B5EF4-FFF2-40B4-BE49-F238E27FC236}">
                    <a16:creationId xmlns:a16="http://schemas.microsoft.com/office/drawing/2014/main" id="{1B106404-A3F8-4193-8435-FA430BEB5473}"/>
                  </a:ext>
                </a:extLst>
              </p:cNvPr>
              <p:cNvSpPr/>
              <p:nvPr userDrawn="1"/>
            </p:nvSpPr>
            <p:spPr>
              <a:xfrm flipH="1">
                <a:off x="5614416" y="6445"/>
                <a:ext cx="21600" cy="432000"/>
              </a:xfrm>
              <a:prstGeom prst="rect">
                <a:avLst/>
              </a:pr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19" name="자유형: 도형 18">
                <a:extLst>
                  <a:ext uri="{FF2B5EF4-FFF2-40B4-BE49-F238E27FC236}">
                    <a16:creationId xmlns:a16="http://schemas.microsoft.com/office/drawing/2014/main" id="{9408417A-6F35-4CB8-93DD-4FB5074FE702}"/>
                  </a:ext>
                </a:extLst>
              </p:cNvPr>
              <p:cNvSpPr/>
              <p:nvPr userDrawn="1"/>
            </p:nvSpPr>
            <p:spPr>
              <a:xfrm>
                <a:off x="5304862" y="-1556"/>
                <a:ext cx="143653" cy="453224"/>
              </a:xfrm>
              <a:custGeom>
                <a:avLst/>
                <a:gdLst>
                  <a:gd name="connsiteX0" fmla="*/ 71561 w 116619"/>
                  <a:gd name="connsiteY0" fmla="*/ 0 h 453224"/>
                  <a:gd name="connsiteX1" fmla="*/ 116619 w 116619"/>
                  <a:gd name="connsiteY1" fmla="*/ 145774 h 453224"/>
                  <a:gd name="connsiteX2" fmla="*/ 0 w 116619"/>
                  <a:gd name="connsiteY2" fmla="*/ 453224 h 453224"/>
                  <a:gd name="connsiteX3" fmla="*/ 71561 w 116619"/>
                  <a:gd name="connsiteY3" fmla="*/ 0 h 453224"/>
                  <a:gd name="connsiteX0" fmla="*/ 78782 w 123840"/>
                  <a:gd name="connsiteY0" fmla="*/ 0 h 453224"/>
                  <a:gd name="connsiteX1" fmla="*/ 123840 w 123840"/>
                  <a:gd name="connsiteY1" fmla="*/ 145774 h 453224"/>
                  <a:gd name="connsiteX2" fmla="*/ 7221 w 123840"/>
                  <a:gd name="connsiteY2" fmla="*/ 453224 h 453224"/>
                  <a:gd name="connsiteX3" fmla="*/ 78782 w 123840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5845 w 140903"/>
                  <a:gd name="connsiteY0" fmla="*/ 0 h 453224"/>
                  <a:gd name="connsiteX1" fmla="*/ 140903 w 140903"/>
                  <a:gd name="connsiteY1" fmla="*/ 145774 h 453224"/>
                  <a:gd name="connsiteX2" fmla="*/ 24284 w 140903"/>
                  <a:gd name="connsiteY2" fmla="*/ 453224 h 453224"/>
                  <a:gd name="connsiteX3" fmla="*/ 95845 w 140903"/>
                  <a:gd name="connsiteY3" fmla="*/ 0 h 453224"/>
                  <a:gd name="connsiteX0" fmla="*/ 98595 w 143653"/>
                  <a:gd name="connsiteY0" fmla="*/ 0 h 453224"/>
                  <a:gd name="connsiteX1" fmla="*/ 143653 w 143653"/>
                  <a:gd name="connsiteY1" fmla="*/ 145774 h 453224"/>
                  <a:gd name="connsiteX2" fmla="*/ 27034 w 143653"/>
                  <a:gd name="connsiteY2" fmla="*/ 453224 h 453224"/>
                  <a:gd name="connsiteX3" fmla="*/ 98595 w 143653"/>
                  <a:gd name="connsiteY3" fmla="*/ 0 h 45322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653" h="453224">
                    <a:moveTo>
                      <a:pt x="98595" y="0"/>
                    </a:moveTo>
                    <a:lnTo>
                      <a:pt x="143653" y="145774"/>
                    </a:lnTo>
                    <a:cubicBezTo>
                      <a:pt x="38518" y="232356"/>
                      <a:pt x="50005" y="387847"/>
                      <a:pt x="27034" y="453224"/>
                    </a:cubicBezTo>
                    <a:cubicBezTo>
                      <a:pt x="5831" y="365759"/>
                      <a:pt x="-47179" y="100716"/>
                      <a:pt x="98595" y="0"/>
                    </a:cubicBezTo>
                    <a:close/>
                  </a:path>
                </a:pathLst>
              </a:cu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20" name="자유형: 도형 19">
                <a:extLst>
                  <a:ext uri="{FF2B5EF4-FFF2-40B4-BE49-F238E27FC236}">
                    <a16:creationId xmlns:a16="http://schemas.microsoft.com/office/drawing/2014/main" id="{3058858D-8ACE-40F2-B778-D2BFBF4553F3}"/>
                  </a:ext>
                </a:extLst>
              </p:cNvPr>
              <p:cNvSpPr/>
              <p:nvPr userDrawn="1"/>
            </p:nvSpPr>
            <p:spPr>
              <a:xfrm flipH="1">
                <a:off x="5807099" y="-1556"/>
                <a:ext cx="143653" cy="453224"/>
              </a:xfrm>
              <a:custGeom>
                <a:avLst/>
                <a:gdLst>
                  <a:gd name="connsiteX0" fmla="*/ 71561 w 116619"/>
                  <a:gd name="connsiteY0" fmla="*/ 0 h 453224"/>
                  <a:gd name="connsiteX1" fmla="*/ 116619 w 116619"/>
                  <a:gd name="connsiteY1" fmla="*/ 145774 h 453224"/>
                  <a:gd name="connsiteX2" fmla="*/ 0 w 116619"/>
                  <a:gd name="connsiteY2" fmla="*/ 453224 h 453224"/>
                  <a:gd name="connsiteX3" fmla="*/ 71561 w 116619"/>
                  <a:gd name="connsiteY3" fmla="*/ 0 h 453224"/>
                  <a:gd name="connsiteX0" fmla="*/ 78782 w 123840"/>
                  <a:gd name="connsiteY0" fmla="*/ 0 h 453224"/>
                  <a:gd name="connsiteX1" fmla="*/ 123840 w 123840"/>
                  <a:gd name="connsiteY1" fmla="*/ 145774 h 453224"/>
                  <a:gd name="connsiteX2" fmla="*/ 7221 w 123840"/>
                  <a:gd name="connsiteY2" fmla="*/ 453224 h 453224"/>
                  <a:gd name="connsiteX3" fmla="*/ 78782 w 123840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5845 w 140903"/>
                  <a:gd name="connsiteY0" fmla="*/ 0 h 453224"/>
                  <a:gd name="connsiteX1" fmla="*/ 140903 w 140903"/>
                  <a:gd name="connsiteY1" fmla="*/ 145774 h 453224"/>
                  <a:gd name="connsiteX2" fmla="*/ 24284 w 140903"/>
                  <a:gd name="connsiteY2" fmla="*/ 453224 h 453224"/>
                  <a:gd name="connsiteX3" fmla="*/ 95845 w 140903"/>
                  <a:gd name="connsiteY3" fmla="*/ 0 h 453224"/>
                  <a:gd name="connsiteX0" fmla="*/ 98595 w 143653"/>
                  <a:gd name="connsiteY0" fmla="*/ 0 h 453224"/>
                  <a:gd name="connsiteX1" fmla="*/ 143653 w 143653"/>
                  <a:gd name="connsiteY1" fmla="*/ 145774 h 453224"/>
                  <a:gd name="connsiteX2" fmla="*/ 27034 w 143653"/>
                  <a:gd name="connsiteY2" fmla="*/ 453224 h 453224"/>
                  <a:gd name="connsiteX3" fmla="*/ 98595 w 143653"/>
                  <a:gd name="connsiteY3" fmla="*/ 0 h 45322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653" h="453224">
                    <a:moveTo>
                      <a:pt x="98595" y="0"/>
                    </a:moveTo>
                    <a:lnTo>
                      <a:pt x="143653" y="145774"/>
                    </a:lnTo>
                    <a:cubicBezTo>
                      <a:pt x="38518" y="232356"/>
                      <a:pt x="50005" y="387847"/>
                      <a:pt x="27034" y="453224"/>
                    </a:cubicBezTo>
                    <a:cubicBezTo>
                      <a:pt x="5831" y="365759"/>
                      <a:pt x="-47179" y="100716"/>
                      <a:pt x="98595" y="0"/>
                    </a:cubicBezTo>
                    <a:close/>
                  </a:path>
                </a:pathLst>
              </a:cu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</p:grpSp>
      </p:grpSp>
      <p:sp>
        <p:nvSpPr>
          <p:cNvPr id="12" name="Frame 11"/>
          <p:cNvSpPr/>
          <p:nvPr userDrawn="1"/>
        </p:nvSpPr>
        <p:spPr>
          <a:xfrm>
            <a:off x="251520" y="339502"/>
            <a:ext cx="8640960" cy="4464496"/>
          </a:xfrm>
          <a:prstGeom prst="frame">
            <a:avLst>
              <a:gd name="adj1" fmla="val 1236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403756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Hello Slide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 userDrawn="1"/>
        </p:nvSpPr>
        <p:spPr>
          <a:xfrm>
            <a:off x="0" y="0"/>
            <a:ext cx="9144000" cy="1347614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grpSp>
        <p:nvGrpSpPr>
          <p:cNvPr id="2" name="그룹 1">
            <a:extLst>
              <a:ext uri="{FF2B5EF4-FFF2-40B4-BE49-F238E27FC236}">
                <a16:creationId xmlns:a16="http://schemas.microsoft.com/office/drawing/2014/main" id="{523EB7A4-0598-4887-ACB7-E8220F8DDFED}"/>
              </a:ext>
            </a:extLst>
          </p:cNvPr>
          <p:cNvGrpSpPr/>
          <p:nvPr userDrawn="1"/>
        </p:nvGrpSpPr>
        <p:grpSpPr>
          <a:xfrm>
            <a:off x="1902711" y="232356"/>
            <a:ext cx="5620059" cy="4638441"/>
            <a:chOff x="1902711" y="497586"/>
            <a:chExt cx="5620059" cy="4638441"/>
          </a:xfrm>
        </p:grpSpPr>
        <p:grpSp>
          <p:nvGrpSpPr>
            <p:cNvPr id="53" name="그룹 52">
              <a:extLst>
                <a:ext uri="{FF2B5EF4-FFF2-40B4-BE49-F238E27FC236}">
                  <a16:creationId xmlns:a16="http://schemas.microsoft.com/office/drawing/2014/main" id="{C4167999-582F-4DE1-8524-427663DA86EB}"/>
                </a:ext>
              </a:extLst>
            </p:cNvPr>
            <p:cNvGrpSpPr/>
            <p:nvPr userDrawn="1"/>
          </p:nvGrpSpPr>
          <p:grpSpPr>
            <a:xfrm>
              <a:off x="1902711" y="1537517"/>
              <a:ext cx="5620059" cy="3598510"/>
              <a:chOff x="2401342" y="248706"/>
              <a:chExt cx="5620059" cy="3598510"/>
            </a:xfrm>
            <a:solidFill>
              <a:schemeClr val="bg1"/>
            </a:solidFill>
          </p:grpSpPr>
          <p:sp>
            <p:nvSpPr>
              <p:cNvPr id="54" name="Oval 11">
                <a:extLst>
                  <a:ext uri="{FF2B5EF4-FFF2-40B4-BE49-F238E27FC236}">
                    <a16:creationId xmlns:a16="http://schemas.microsoft.com/office/drawing/2014/main" id="{36E509A3-52CE-4453-9564-E704D9C6F3F0}"/>
                  </a:ext>
                </a:extLst>
              </p:cNvPr>
              <p:cNvSpPr/>
              <p:nvPr userDrawn="1"/>
            </p:nvSpPr>
            <p:spPr>
              <a:xfrm>
                <a:off x="4283968" y="941198"/>
                <a:ext cx="956850" cy="956850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55" name="Oval 11">
                <a:extLst>
                  <a:ext uri="{FF2B5EF4-FFF2-40B4-BE49-F238E27FC236}">
                    <a16:creationId xmlns:a16="http://schemas.microsoft.com/office/drawing/2014/main" id="{D8641ACF-24EC-4119-AF47-45C5E6B69718}"/>
                  </a:ext>
                </a:extLst>
              </p:cNvPr>
              <p:cNvSpPr/>
              <p:nvPr userDrawn="1"/>
            </p:nvSpPr>
            <p:spPr>
              <a:xfrm>
                <a:off x="4080672" y="1386488"/>
                <a:ext cx="491180" cy="491180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56" name="Oval 11">
                <a:extLst>
                  <a:ext uri="{FF2B5EF4-FFF2-40B4-BE49-F238E27FC236}">
                    <a16:creationId xmlns:a16="http://schemas.microsoft.com/office/drawing/2014/main" id="{3873CDEC-688A-4EE6-8974-D80E43FF9273}"/>
                  </a:ext>
                </a:extLst>
              </p:cNvPr>
              <p:cNvSpPr/>
              <p:nvPr userDrawn="1"/>
            </p:nvSpPr>
            <p:spPr>
              <a:xfrm>
                <a:off x="3485352" y="1717923"/>
                <a:ext cx="1190640" cy="1190640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57" name="Oval 11">
                <a:extLst>
                  <a:ext uri="{FF2B5EF4-FFF2-40B4-BE49-F238E27FC236}">
                    <a16:creationId xmlns:a16="http://schemas.microsoft.com/office/drawing/2014/main" id="{B93DE707-F71B-42F6-A0EB-DFC85BA873B2}"/>
                  </a:ext>
                </a:extLst>
              </p:cNvPr>
              <p:cNvSpPr/>
              <p:nvPr userDrawn="1"/>
            </p:nvSpPr>
            <p:spPr>
              <a:xfrm>
                <a:off x="2886827" y="1894030"/>
                <a:ext cx="1190640" cy="1190640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58" name="Oval 11">
                <a:extLst>
                  <a:ext uri="{FF2B5EF4-FFF2-40B4-BE49-F238E27FC236}">
                    <a16:creationId xmlns:a16="http://schemas.microsoft.com/office/drawing/2014/main" id="{3A7AC84B-9DE8-4557-8141-47C15EEBD952}"/>
                  </a:ext>
                </a:extLst>
              </p:cNvPr>
              <p:cNvSpPr/>
              <p:nvPr userDrawn="1"/>
            </p:nvSpPr>
            <p:spPr>
              <a:xfrm>
                <a:off x="2401342" y="2516235"/>
                <a:ext cx="784747" cy="784747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59" name="Oval 11">
                <a:extLst>
                  <a:ext uri="{FF2B5EF4-FFF2-40B4-BE49-F238E27FC236}">
                    <a16:creationId xmlns:a16="http://schemas.microsoft.com/office/drawing/2014/main" id="{F200C86F-3147-4417-909C-8AA712602B15}"/>
                  </a:ext>
                </a:extLst>
              </p:cNvPr>
              <p:cNvSpPr/>
              <p:nvPr userDrawn="1"/>
            </p:nvSpPr>
            <p:spPr>
              <a:xfrm>
                <a:off x="3017096" y="2797485"/>
                <a:ext cx="784747" cy="784747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0" name="Oval 11">
                <a:extLst>
                  <a:ext uri="{FF2B5EF4-FFF2-40B4-BE49-F238E27FC236}">
                    <a16:creationId xmlns:a16="http://schemas.microsoft.com/office/drawing/2014/main" id="{C19D843C-2344-43CD-A232-FDCAF8F43CA5}"/>
                  </a:ext>
                </a:extLst>
              </p:cNvPr>
              <p:cNvSpPr/>
              <p:nvPr userDrawn="1"/>
            </p:nvSpPr>
            <p:spPr>
              <a:xfrm>
                <a:off x="3562974" y="2003019"/>
                <a:ext cx="1844197" cy="1844197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1" name="Oval 11">
                <a:extLst>
                  <a:ext uri="{FF2B5EF4-FFF2-40B4-BE49-F238E27FC236}">
                    <a16:creationId xmlns:a16="http://schemas.microsoft.com/office/drawing/2014/main" id="{1D594D95-F75F-4683-A364-E7EFD943F93B}"/>
                  </a:ext>
                </a:extLst>
              </p:cNvPr>
              <p:cNvSpPr/>
              <p:nvPr userDrawn="1"/>
            </p:nvSpPr>
            <p:spPr>
              <a:xfrm>
                <a:off x="4999309" y="3011131"/>
                <a:ext cx="784747" cy="784747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2" name="Oval 11">
                <a:extLst>
                  <a:ext uri="{FF2B5EF4-FFF2-40B4-BE49-F238E27FC236}">
                    <a16:creationId xmlns:a16="http://schemas.microsoft.com/office/drawing/2014/main" id="{95DD39E7-93D6-494C-A36E-247288990A90}"/>
                  </a:ext>
                </a:extLst>
              </p:cNvPr>
              <p:cNvSpPr/>
              <p:nvPr userDrawn="1"/>
            </p:nvSpPr>
            <p:spPr>
              <a:xfrm>
                <a:off x="5653222" y="2981733"/>
                <a:ext cx="784747" cy="784747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3" name="Oval 11">
                <a:extLst>
                  <a:ext uri="{FF2B5EF4-FFF2-40B4-BE49-F238E27FC236}">
                    <a16:creationId xmlns:a16="http://schemas.microsoft.com/office/drawing/2014/main" id="{0724B3EB-D2BA-46AD-9B24-8F61182FFCCE}"/>
                  </a:ext>
                </a:extLst>
              </p:cNvPr>
              <p:cNvSpPr/>
              <p:nvPr userDrawn="1"/>
            </p:nvSpPr>
            <p:spPr>
              <a:xfrm>
                <a:off x="6035666" y="2445747"/>
                <a:ext cx="1363186" cy="1363186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4" name="Oval 11">
                <a:extLst>
                  <a:ext uri="{FF2B5EF4-FFF2-40B4-BE49-F238E27FC236}">
                    <a16:creationId xmlns:a16="http://schemas.microsoft.com/office/drawing/2014/main" id="{BDBBA2C7-3C34-4968-B283-7486C3E66CD2}"/>
                  </a:ext>
                </a:extLst>
              </p:cNvPr>
              <p:cNvSpPr/>
              <p:nvPr userDrawn="1"/>
            </p:nvSpPr>
            <p:spPr>
              <a:xfrm>
                <a:off x="7037784" y="2729409"/>
                <a:ext cx="784747" cy="784747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5" name="Oval 11">
                <a:extLst>
                  <a:ext uri="{FF2B5EF4-FFF2-40B4-BE49-F238E27FC236}">
                    <a16:creationId xmlns:a16="http://schemas.microsoft.com/office/drawing/2014/main" id="{1D3596EF-83B2-4D77-9900-8FBA5EF934B2}"/>
                  </a:ext>
                </a:extLst>
              </p:cNvPr>
              <p:cNvSpPr/>
              <p:nvPr userDrawn="1"/>
            </p:nvSpPr>
            <p:spPr>
              <a:xfrm>
                <a:off x="6658215" y="1725625"/>
                <a:ext cx="1363186" cy="1363186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6" name="Oval 11">
                <a:extLst>
                  <a:ext uri="{FF2B5EF4-FFF2-40B4-BE49-F238E27FC236}">
                    <a16:creationId xmlns:a16="http://schemas.microsoft.com/office/drawing/2014/main" id="{478452D7-D34C-4072-B618-5EA4D20571B3}"/>
                  </a:ext>
                </a:extLst>
              </p:cNvPr>
              <p:cNvSpPr/>
              <p:nvPr userDrawn="1"/>
            </p:nvSpPr>
            <p:spPr>
              <a:xfrm>
                <a:off x="4702059" y="880592"/>
                <a:ext cx="1040194" cy="1040194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7" name="Oval 11">
                <a:extLst>
                  <a:ext uri="{FF2B5EF4-FFF2-40B4-BE49-F238E27FC236}">
                    <a16:creationId xmlns:a16="http://schemas.microsoft.com/office/drawing/2014/main" id="{B67A8B79-3441-4CEE-82A3-001ECBD4DD6C}"/>
                  </a:ext>
                </a:extLst>
              </p:cNvPr>
              <p:cNvSpPr/>
              <p:nvPr userDrawn="1"/>
            </p:nvSpPr>
            <p:spPr>
              <a:xfrm>
                <a:off x="5200227" y="1153449"/>
                <a:ext cx="1040194" cy="1040194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8" name="Oval 11">
                <a:extLst>
                  <a:ext uri="{FF2B5EF4-FFF2-40B4-BE49-F238E27FC236}">
                    <a16:creationId xmlns:a16="http://schemas.microsoft.com/office/drawing/2014/main" id="{39EC19EA-7198-4F0B-A95B-49D0CF19C8F2}"/>
                  </a:ext>
                </a:extLst>
              </p:cNvPr>
              <p:cNvSpPr/>
              <p:nvPr userDrawn="1"/>
            </p:nvSpPr>
            <p:spPr>
              <a:xfrm>
                <a:off x="5945245" y="1484448"/>
                <a:ext cx="701108" cy="701108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69" name="Oval 11">
                <a:extLst>
                  <a:ext uri="{FF2B5EF4-FFF2-40B4-BE49-F238E27FC236}">
                    <a16:creationId xmlns:a16="http://schemas.microsoft.com/office/drawing/2014/main" id="{6F4820F4-E538-4700-880A-FA8685A41A3B}"/>
                  </a:ext>
                </a:extLst>
              </p:cNvPr>
              <p:cNvSpPr/>
              <p:nvPr userDrawn="1"/>
            </p:nvSpPr>
            <p:spPr>
              <a:xfrm>
                <a:off x="6121822" y="1792219"/>
                <a:ext cx="1040194" cy="1040194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70" name="Oval 11">
                <a:extLst>
                  <a:ext uri="{FF2B5EF4-FFF2-40B4-BE49-F238E27FC236}">
                    <a16:creationId xmlns:a16="http://schemas.microsoft.com/office/drawing/2014/main" id="{413F6B1E-425D-4873-9467-3AC4066BB2ED}"/>
                  </a:ext>
                </a:extLst>
              </p:cNvPr>
              <p:cNvSpPr/>
              <p:nvPr userDrawn="1"/>
            </p:nvSpPr>
            <p:spPr>
              <a:xfrm>
                <a:off x="4251327" y="1369850"/>
                <a:ext cx="2136016" cy="2136016"/>
              </a:xfrm>
              <a:prstGeom prst="ellipse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71" name="사다리꼴 70">
                <a:extLst>
                  <a:ext uri="{FF2B5EF4-FFF2-40B4-BE49-F238E27FC236}">
                    <a16:creationId xmlns:a16="http://schemas.microsoft.com/office/drawing/2014/main" id="{B0CB0B17-591E-4DAC-A92C-EBD6A95CAE9D}"/>
                  </a:ext>
                </a:extLst>
              </p:cNvPr>
              <p:cNvSpPr/>
              <p:nvPr userDrawn="1"/>
            </p:nvSpPr>
            <p:spPr>
              <a:xfrm>
                <a:off x="4765704" y="248706"/>
                <a:ext cx="608632" cy="1216152"/>
              </a:xfrm>
              <a:prstGeom prst="trapezoid">
                <a:avLst/>
              </a:prstGeom>
              <a:grpFill/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</p:grpSp>
        <p:grpSp>
          <p:nvGrpSpPr>
            <p:cNvPr id="72" name="그룹 71">
              <a:extLst>
                <a:ext uri="{FF2B5EF4-FFF2-40B4-BE49-F238E27FC236}">
                  <a16:creationId xmlns:a16="http://schemas.microsoft.com/office/drawing/2014/main" id="{0273FAE2-233C-451C-ABAD-157761C173D3}"/>
                </a:ext>
              </a:extLst>
            </p:cNvPr>
            <p:cNvGrpSpPr/>
            <p:nvPr userDrawn="1"/>
          </p:nvGrpSpPr>
          <p:grpSpPr>
            <a:xfrm>
              <a:off x="4249055" y="497586"/>
              <a:ext cx="645890" cy="1241591"/>
              <a:chOff x="5304862" y="-789923"/>
              <a:chExt cx="645890" cy="1241591"/>
            </a:xfrm>
          </p:grpSpPr>
          <p:grpSp>
            <p:nvGrpSpPr>
              <p:cNvPr id="73" name="그룹 72">
                <a:extLst>
                  <a:ext uri="{FF2B5EF4-FFF2-40B4-BE49-F238E27FC236}">
                    <a16:creationId xmlns:a16="http://schemas.microsoft.com/office/drawing/2014/main" id="{F294317C-D093-4716-BC39-F4EDB7B37133}"/>
                  </a:ext>
                </a:extLst>
              </p:cNvPr>
              <p:cNvGrpSpPr/>
              <p:nvPr userDrawn="1"/>
            </p:nvGrpSpPr>
            <p:grpSpPr>
              <a:xfrm>
                <a:off x="5377232" y="-789923"/>
                <a:ext cx="495969" cy="1052585"/>
                <a:chOff x="5868144" y="-857099"/>
                <a:chExt cx="495969" cy="1052585"/>
              </a:xfrm>
            </p:grpSpPr>
            <p:sp>
              <p:nvSpPr>
                <p:cNvPr id="78" name="이등변 삼각형 49">
                  <a:extLst>
                    <a:ext uri="{FF2B5EF4-FFF2-40B4-BE49-F238E27FC236}">
                      <a16:creationId xmlns:a16="http://schemas.microsoft.com/office/drawing/2014/main" id="{28122585-D90D-4D44-AC50-0A8C9106EF95}"/>
                    </a:ext>
                  </a:extLst>
                </p:cNvPr>
                <p:cNvSpPr/>
                <p:nvPr userDrawn="1"/>
              </p:nvSpPr>
              <p:spPr>
                <a:xfrm>
                  <a:off x="5868144" y="-853769"/>
                  <a:ext cx="495969" cy="1049255"/>
                </a:xfrm>
                <a:custGeom>
                  <a:avLst/>
                  <a:gdLst>
                    <a:gd name="connsiteX0" fmla="*/ 0 w 311344"/>
                    <a:gd name="connsiteY0" fmla="*/ 1049255 h 1049255"/>
                    <a:gd name="connsiteX1" fmla="*/ 155672 w 311344"/>
                    <a:gd name="connsiteY1" fmla="*/ 0 h 1049255"/>
                    <a:gd name="connsiteX2" fmla="*/ 311344 w 311344"/>
                    <a:gd name="connsiteY2" fmla="*/ 1049255 h 1049255"/>
                    <a:gd name="connsiteX3" fmla="*/ 0 w 311344"/>
                    <a:gd name="connsiteY3" fmla="*/ 1049255 h 1049255"/>
                    <a:gd name="connsiteX0" fmla="*/ 45684 w 357028"/>
                    <a:gd name="connsiteY0" fmla="*/ 1049255 h 1049255"/>
                    <a:gd name="connsiteX1" fmla="*/ 201356 w 357028"/>
                    <a:gd name="connsiteY1" fmla="*/ 0 h 1049255"/>
                    <a:gd name="connsiteX2" fmla="*/ 357028 w 357028"/>
                    <a:gd name="connsiteY2" fmla="*/ 1049255 h 1049255"/>
                    <a:gd name="connsiteX3" fmla="*/ 45684 w 357028"/>
                    <a:gd name="connsiteY3" fmla="*/ 1049255 h 1049255"/>
                    <a:gd name="connsiteX0" fmla="*/ 45684 w 416158"/>
                    <a:gd name="connsiteY0" fmla="*/ 1049255 h 1049255"/>
                    <a:gd name="connsiteX1" fmla="*/ 201356 w 416158"/>
                    <a:gd name="connsiteY1" fmla="*/ 0 h 1049255"/>
                    <a:gd name="connsiteX2" fmla="*/ 357028 w 416158"/>
                    <a:gd name="connsiteY2" fmla="*/ 1049255 h 1049255"/>
                    <a:gd name="connsiteX3" fmla="*/ 45684 w 416158"/>
                    <a:gd name="connsiteY3" fmla="*/ 1049255 h 1049255"/>
                    <a:gd name="connsiteX0" fmla="*/ 87161 w 457635"/>
                    <a:gd name="connsiteY0" fmla="*/ 1049255 h 1049255"/>
                    <a:gd name="connsiteX1" fmla="*/ 242833 w 457635"/>
                    <a:gd name="connsiteY1" fmla="*/ 0 h 1049255"/>
                    <a:gd name="connsiteX2" fmla="*/ 398505 w 457635"/>
                    <a:gd name="connsiteY2" fmla="*/ 1049255 h 1049255"/>
                    <a:gd name="connsiteX3" fmla="*/ 87161 w 457635"/>
                    <a:gd name="connsiteY3" fmla="*/ 1049255 h 1049255"/>
                    <a:gd name="connsiteX0" fmla="*/ 87161 w 500627"/>
                    <a:gd name="connsiteY0" fmla="*/ 1049255 h 1049255"/>
                    <a:gd name="connsiteX1" fmla="*/ 242833 w 500627"/>
                    <a:gd name="connsiteY1" fmla="*/ 0 h 1049255"/>
                    <a:gd name="connsiteX2" fmla="*/ 398505 w 500627"/>
                    <a:gd name="connsiteY2" fmla="*/ 1049255 h 1049255"/>
                    <a:gd name="connsiteX3" fmla="*/ 87161 w 500627"/>
                    <a:gd name="connsiteY3" fmla="*/ 1049255 h 1049255"/>
                    <a:gd name="connsiteX0" fmla="*/ 91187 w 504653"/>
                    <a:gd name="connsiteY0" fmla="*/ 1049255 h 1049255"/>
                    <a:gd name="connsiteX1" fmla="*/ 246859 w 504653"/>
                    <a:gd name="connsiteY1" fmla="*/ 0 h 1049255"/>
                    <a:gd name="connsiteX2" fmla="*/ 402531 w 504653"/>
                    <a:gd name="connsiteY2" fmla="*/ 1049255 h 1049255"/>
                    <a:gd name="connsiteX3" fmla="*/ 91187 w 504653"/>
                    <a:gd name="connsiteY3" fmla="*/ 1049255 h 1049255"/>
                    <a:gd name="connsiteX0" fmla="*/ 91187 w 500775"/>
                    <a:gd name="connsiteY0" fmla="*/ 1049255 h 1049255"/>
                    <a:gd name="connsiteX1" fmla="*/ 246859 w 500775"/>
                    <a:gd name="connsiteY1" fmla="*/ 0 h 1049255"/>
                    <a:gd name="connsiteX2" fmla="*/ 402531 w 500775"/>
                    <a:gd name="connsiteY2" fmla="*/ 1049255 h 1049255"/>
                    <a:gd name="connsiteX3" fmla="*/ 91187 w 500775"/>
                    <a:gd name="connsiteY3" fmla="*/ 1049255 h 1049255"/>
                    <a:gd name="connsiteX0" fmla="*/ 91187 w 484758"/>
                    <a:gd name="connsiteY0" fmla="*/ 1049255 h 1049255"/>
                    <a:gd name="connsiteX1" fmla="*/ 246859 w 484758"/>
                    <a:gd name="connsiteY1" fmla="*/ 0 h 1049255"/>
                    <a:gd name="connsiteX2" fmla="*/ 402531 w 484758"/>
                    <a:gd name="connsiteY2" fmla="*/ 1049255 h 1049255"/>
                    <a:gd name="connsiteX3" fmla="*/ 91187 w 484758"/>
                    <a:gd name="connsiteY3" fmla="*/ 1049255 h 1049255"/>
                    <a:gd name="connsiteX0" fmla="*/ 91187 w 488692"/>
                    <a:gd name="connsiteY0" fmla="*/ 1049255 h 1049255"/>
                    <a:gd name="connsiteX1" fmla="*/ 246859 w 488692"/>
                    <a:gd name="connsiteY1" fmla="*/ 0 h 1049255"/>
                    <a:gd name="connsiteX2" fmla="*/ 402531 w 488692"/>
                    <a:gd name="connsiteY2" fmla="*/ 1049255 h 1049255"/>
                    <a:gd name="connsiteX3" fmla="*/ 91187 w 488692"/>
                    <a:gd name="connsiteY3" fmla="*/ 1049255 h 1049255"/>
                    <a:gd name="connsiteX0" fmla="*/ 91187 w 492707"/>
                    <a:gd name="connsiteY0" fmla="*/ 1049255 h 1049255"/>
                    <a:gd name="connsiteX1" fmla="*/ 246859 w 492707"/>
                    <a:gd name="connsiteY1" fmla="*/ 0 h 1049255"/>
                    <a:gd name="connsiteX2" fmla="*/ 402531 w 492707"/>
                    <a:gd name="connsiteY2" fmla="*/ 1049255 h 1049255"/>
                    <a:gd name="connsiteX3" fmla="*/ 91187 w 492707"/>
                    <a:gd name="connsiteY3" fmla="*/ 1049255 h 1049255"/>
                    <a:gd name="connsiteX0" fmla="*/ 95257 w 496777"/>
                    <a:gd name="connsiteY0" fmla="*/ 1049255 h 1049255"/>
                    <a:gd name="connsiteX1" fmla="*/ 250929 w 496777"/>
                    <a:gd name="connsiteY1" fmla="*/ 0 h 1049255"/>
                    <a:gd name="connsiteX2" fmla="*/ 406601 w 496777"/>
                    <a:gd name="connsiteY2" fmla="*/ 1049255 h 1049255"/>
                    <a:gd name="connsiteX3" fmla="*/ 95257 w 496777"/>
                    <a:gd name="connsiteY3" fmla="*/ 1049255 h 1049255"/>
                    <a:gd name="connsiteX0" fmla="*/ 95257 w 485293"/>
                    <a:gd name="connsiteY0" fmla="*/ 1049255 h 1049255"/>
                    <a:gd name="connsiteX1" fmla="*/ 250929 w 485293"/>
                    <a:gd name="connsiteY1" fmla="*/ 0 h 1049255"/>
                    <a:gd name="connsiteX2" fmla="*/ 406601 w 485293"/>
                    <a:gd name="connsiteY2" fmla="*/ 1049255 h 1049255"/>
                    <a:gd name="connsiteX3" fmla="*/ 95257 w 485293"/>
                    <a:gd name="connsiteY3" fmla="*/ 1049255 h 1049255"/>
                    <a:gd name="connsiteX0" fmla="*/ 95257 w 494828"/>
                    <a:gd name="connsiteY0" fmla="*/ 1049255 h 1049255"/>
                    <a:gd name="connsiteX1" fmla="*/ 250929 w 494828"/>
                    <a:gd name="connsiteY1" fmla="*/ 0 h 1049255"/>
                    <a:gd name="connsiteX2" fmla="*/ 406601 w 494828"/>
                    <a:gd name="connsiteY2" fmla="*/ 1049255 h 1049255"/>
                    <a:gd name="connsiteX3" fmla="*/ 95257 w 494828"/>
                    <a:gd name="connsiteY3" fmla="*/ 1049255 h 1049255"/>
                    <a:gd name="connsiteX0" fmla="*/ 95257 w 493814"/>
                    <a:gd name="connsiteY0" fmla="*/ 1049255 h 1049255"/>
                    <a:gd name="connsiteX1" fmla="*/ 250929 w 493814"/>
                    <a:gd name="connsiteY1" fmla="*/ 0 h 1049255"/>
                    <a:gd name="connsiteX2" fmla="*/ 406601 w 493814"/>
                    <a:gd name="connsiteY2" fmla="*/ 1049255 h 1049255"/>
                    <a:gd name="connsiteX3" fmla="*/ 95257 w 493814"/>
                    <a:gd name="connsiteY3" fmla="*/ 1049255 h 1049255"/>
                    <a:gd name="connsiteX0" fmla="*/ 95257 w 496864"/>
                    <a:gd name="connsiteY0" fmla="*/ 1049255 h 1049255"/>
                    <a:gd name="connsiteX1" fmla="*/ 250929 w 496864"/>
                    <a:gd name="connsiteY1" fmla="*/ 0 h 1049255"/>
                    <a:gd name="connsiteX2" fmla="*/ 406601 w 496864"/>
                    <a:gd name="connsiteY2" fmla="*/ 1049255 h 1049255"/>
                    <a:gd name="connsiteX3" fmla="*/ 95257 w 496864"/>
                    <a:gd name="connsiteY3" fmla="*/ 1049255 h 1049255"/>
                    <a:gd name="connsiteX0" fmla="*/ 95257 w 497887"/>
                    <a:gd name="connsiteY0" fmla="*/ 1049255 h 1049255"/>
                    <a:gd name="connsiteX1" fmla="*/ 250929 w 497887"/>
                    <a:gd name="connsiteY1" fmla="*/ 0 h 1049255"/>
                    <a:gd name="connsiteX2" fmla="*/ 406601 w 497887"/>
                    <a:gd name="connsiteY2" fmla="*/ 1049255 h 1049255"/>
                    <a:gd name="connsiteX3" fmla="*/ 95257 w 497887"/>
                    <a:gd name="connsiteY3" fmla="*/ 1049255 h 1049255"/>
                    <a:gd name="connsiteX0" fmla="*/ 95257 w 495969"/>
                    <a:gd name="connsiteY0" fmla="*/ 1049255 h 1049255"/>
                    <a:gd name="connsiteX1" fmla="*/ 250929 w 495969"/>
                    <a:gd name="connsiteY1" fmla="*/ 0 h 1049255"/>
                    <a:gd name="connsiteX2" fmla="*/ 406601 w 495969"/>
                    <a:gd name="connsiteY2" fmla="*/ 1049255 h 1049255"/>
                    <a:gd name="connsiteX3" fmla="*/ 95257 w 495969"/>
                    <a:gd name="connsiteY3" fmla="*/ 1049255 h 104925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495969" h="1049255">
                      <a:moveTo>
                        <a:pt x="95257" y="1049255"/>
                      </a:moveTo>
                      <a:cubicBezTo>
                        <a:pt x="6676" y="723357"/>
                        <a:pt x="-121664" y="317947"/>
                        <a:pt x="250929" y="0"/>
                      </a:cubicBezTo>
                      <a:cubicBezTo>
                        <a:pt x="612920" y="328549"/>
                        <a:pt x="489882" y="781667"/>
                        <a:pt x="406601" y="1049255"/>
                      </a:cubicBezTo>
                      <a:lnTo>
                        <a:pt x="95257" y="1049255"/>
                      </a:lnTo>
                      <a:close/>
                    </a:path>
                  </a:pathLst>
                </a:custGeom>
                <a:solidFill>
                  <a:schemeClr val="bg1">
                    <a:lumMod val="85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/>
                </a:p>
              </p:txBody>
            </p:sp>
            <p:sp>
              <p:nvSpPr>
                <p:cNvPr id="79" name="자유형: 도형 78">
                  <a:extLst>
                    <a:ext uri="{FF2B5EF4-FFF2-40B4-BE49-F238E27FC236}">
                      <a16:creationId xmlns:a16="http://schemas.microsoft.com/office/drawing/2014/main" id="{CA4A1B48-5DCF-4240-B908-5565A0B620C1}"/>
                    </a:ext>
                  </a:extLst>
                </p:cNvPr>
                <p:cNvSpPr/>
                <p:nvPr userDrawn="1"/>
              </p:nvSpPr>
              <p:spPr>
                <a:xfrm>
                  <a:off x="5939427" y="102551"/>
                  <a:ext cx="364003" cy="92935"/>
                </a:xfrm>
                <a:custGeom>
                  <a:avLst/>
                  <a:gdLst>
                    <a:gd name="connsiteX0" fmla="*/ 0 w 364003"/>
                    <a:gd name="connsiteY0" fmla="*/ 0 h 92935"/>
                    <a:gd name="connsiteX1" fmla="*/ 364003 w 364003"/>
                    <a:gd name="connsiteY1" fmla="*/ 0 h 92935"/>
                    <a:gd name="connsiteX2" fmla="*/ 336518 w 364003"/>
                    <a:gd name="connsiteY2" fmla="*/ 92935 h 92935"/>
                    <a:gd name="connsiteX3" fmla="*/ 25174 w 364003"/>
                    <a:gd name="connsiteY3" fmla="*/ 92935 h 92935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</a:cxnLst>
                  <a:rect l="l" t="t" r="r" b="b"/>
                  <a:pathLst>
                    <a:path w="364003" h="92935">
                      <a:moveTo>
                        <a:pt x="0" y="0"/>
                      </a:moveTo>
                      <a:lnTo>
                        <a:pt x="364003" y="0"/>
                      </a:lnTo>
                      <a:lnTo>
                        <a:pt x="336518" y="92935"/>
                      </a:lnTo>
                      <a:lnTo>
                        <a:pt x="25174" y="92935"/>
                      </a:lnTo>
                      <a:close/>
                    </a:path>
                  </a:pathLst>
                </a:custGeom>
                <a:solidFill>
                  <a:schemeClr val="bg1">
                    <a:lumMod val="65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/>
                </a:p>
              </p:txBody>
            </p:sp>
            <p:sp>
              <p:nvSpPr>
                <p:cNvPr id="80" name="자유형: 도형 79">
                  <a:extLst>
                    <a:ext uri="{FF2B5EF4-FFF2-40B4-BE49-F238E27FC236}">
                      <a16:creationId xmlns:a16="http://schemas.microsoft.com/office/drawing/2014/main" id="{28D35705-FE6E-444A-A4F2-216FB36C2D3C}"/>
                    </a:ext>
                  </a:extLst>
                </p:cNvPr>
                <p:cNvSpPr/>
                <p:nvPr userDrawn="1"/>
              </p:nvSpPr>
              <p:spPr>
                <a:xfrm>
                  <a:off x="5893989" y="-857099"/>
                  <a:ext cx="444279" cy="350537"/>
                </a:xfrm>
                <a:custGeom>
                  <a:avLst/>
                  <a:gdLst>
                    <a:gd name="connsiteX0" fmla="*/ 227272 w 444279"/>
                    <a:gd name="connsiteY0" fmla="*/ 0 h 350537"/>
                    <a:gd name="connsiteX1" fmla="*/ 440556 w 444279"/>
                    <a:gd name="connsiteY1" fmla="*/ 335046 h 350537"/>
                    <a:gd name="connsiteX2" fmla="*/ 444279 w 444279"/>
                    <a:gd name="connsiteY2" fmla="*/ 350537 h 350537"/>
                    <a:gd name="connsiteX3" fmla="*/ 0 w 444279"/>
                    <a:gd name="connsiteY3" fmla="*/ 350537 h 350537"/>
                    <a:gd name="connsiteX4" fmla="*/ 8223 w 444279"/>
                    <a:gd name="connsiteY4" fmla="*/ 318604 h 350537"/>
                    <a:gd name="connsiteX5" fmla="*/ 227272 w 444279"/>
                    <a:gd name="connsiteY5" fmla="*/ 0 h 350537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</a:cxnLst>
                  <a:rect l="l" t="t" r="r" b="b"/>
                  <a:pathLst>
                    <a:path w="444279" h="350537">
                      <a:moveTo>
                        <a:pt x="227272" y="0"/>
                      </a:moveTo>
                      <a:cubicBezTo>
                        <a:pt x="340394" y="102672"/>
                        <a:pt x="406151" y="217508"/>
                        <a:pt x="440556" y="335046"/>
                      </a:cubicBezTo>
                      <a:lnTo>
                        <a:pt x="444279" y="350537"/>
                      </a:lnTo>
                      <a:lnTo>
                        <a:pt x="0" y="350537"/>
                      </a:lnTo>
                      <a:lnTo>
                        <a:pt x="8223" y="318604"/>
                      </a:lnTo>
                      <a:cubicBezTo>
                        <a:pt x="43321" y="207258"/>
                        <a:pt x="110837" y="99358"/>
                        <a:pt x="227272" y="0"/>
                      </a:cubicBezTo>
                      <a:close/>
                    </a:path>
                  </a:pathLst>
                </a:custGeom>
                <a:solidFill>
                  <a:schemeClr val="accent3"/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ko-KR" altLang="en-US"/>
                </a:p>
              </p:txBody>
            </p:sp>
          </p:grpSp>
          <p:sp>
            <p:nvSpPr>
              <p:cNvPr id="74" name="타원 73">
                <a:extLst>
                  <a:ext uri="{FF2B5EF4-FFF2-40B4-BE49-F238E27FC236}">
                    <a16:creationId xmlns:a16="http://schemas.microsoft.com/office/drawing/2014/main" id="{833271DD-6F14-4B18-BE97-D6CF7744263D}"/>
                  </a:ext>
                </a:extLst>
              </p:cNvPr>
              <p:cNvSpPr/>
              <p:nvPr userDrawn="1"/>
            </p:nvSpPr>
            <p:spPr>
              <a:xfrm>
                <a:off x="5535216" y="-351600"/>
                <a:ext cx="180000" cy="180000"/>
              </a:xfrm>
              <a:prstGeom prst="ellipse">
                <a:avLst/>
              </a:prstGeom>
              <a:solidFill>
                <a:schemeClr val="bg1"/>
              </a:solidFill>
              <a:ln w="12700">
                <a:solidFill>
                  <a:schemeClr val="bg1">
                    <a:lumMod val="75000"/>
                  </a:schemeClr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75" name="직사각형 74">
                <a:extLst>
                  <a:ext uri="{FF2B5EF4-FFF2-40B4-BE49-F238E27FC236}">
                    <a16:creationId xmlns:a16="http://schemas.microsoft.com/office/drawing/2014/main" id="{32141932-F9EE-4187-BBBC-79F2AADC7FB5}"/>
                  </a:ext>
                </a:extLst>
              </p:cNvPr>
              <p:cNvSpPr/>
              <p:nvPr userDrawn="1"/>
            </p:nvSpPr>
            <p:spPr>
              <a:xfrm flipH="1">
                <a:off x="5614416" y="6445"/>
                <a:ext cx="21600" cy="432000"/>
              </a:xfrm>
              <a:prstGeom prst="rect">
                <a:avLst/>
              </a:pr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76" name="자유형: 도형 75">
                <a:extLst>
                  <a:ext uri="{FF2B5EF4-FFF2-40B4-BE49-F238E27FC236}">
                    <a16:creationId xmlns:a16="http://schemas.microsoft.com/office/drawing/2014/main" id="{C4A28A23-9A45-480D-9AE0-AC8E03B407E4}"/>
                  </a:ext>
                </a:extLst>
              </p:cNvPr>
              <p:cNvSpPr/>
              <p:nvPr userDrawn="1"/>
            </p:nvSpPr>
            <p:spPr>
              <a:xfrm>
                <a:off x="5304862" y="-1556"/>
                <a:ext cx="143653" cy="453224"/>
              </a:xfrm>
              <a:custGeom>
                <a:avLst/>
                <a:gdLst>
                  <a:gd name="connsiteX0" fmla="*/ 71561 w 116619"/>
                  <a:gd name="connsiteY0" fmla="*/ 0 h 453224"/>
                  <a:gd name="connsiteX1" fmla="*/ 116619 w 116619"/>
                  <a:gd name="connsiteY1" fmla="*/ 145774 h 453224"/>
                  <a:gd name="connsiteX2" fmla="*/ 0 w 116619"/>
                  <a:gd name="connsiteY2" fmla="*/ 453224 h 453224"/>
                  <a:gd name="connsiteX3" fmla="*/ 71561 w 116619"/>
                  <a:gd name="connsiteY3" fmla="*/ 0 h 453224"/>
                  <a:gd name="connsiteX0" fmla="*/ 78782 w 123840"/>
                  <a:gd name="connsiteY0" fmla="*/ 0 h 453224"/>
                  <a:gd name="connsiteX1" fmla="*/ 123840 w 123840"/>
                  <a:gd name="connsiteY1" fmla="*/ 145774 h 453224"/>
                  <a:gd name="connsiteX2" fmla="*/ 7221 w 123840"/>
                  <a:gd name="connsiteY2" fmla="*/ 453224 h 453224"/>
                  <a:gd name="connsiteX3" fmla="*/ 78782 w 123840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5845 w 140903"/>
                  <a:gd name="connsiteY0" fmla="*/ 0 h 453224"/>
                  <a:gd name="connsiteX1" fmla="*/ 140903 w 140903"/>
                  <a:gd name="connsiteY1" fmla="*/ 145774 h 453224"/>
                  <a:gd name="connsiteX2" fmla="*/ 24284 w 140903"/>
                  <a:gd name="connsiteY2" fmla="*/ 453224 h 453224"/>
                  <a:gd name="connsiteX3" fmla="*/ 95845 w 140903"/>
                  <a:gd name="connsiteY3" fmla="*/ 0 h 453224"/>
                  <a:gd name="connsiteX0" fmla="*/ 98595 w 143653"/>
                  <a:gd name="connsiteY0" fmla="*/ 0 h 453224"/>
                  <a:gd name="connsiteX1" fmla="*/ 143653 w 143653"/>
                  <a:gd name="connsiteY1" fmla="*/ 145774 h 453224"/>
                  <a:gd name="connsiteX2" fmla="*/ 27034 w 143653"/>
                  <a:gd name="connsiteY2" fmla="*/ 453224 h 453224"/>
                  <a:gd name="connsiteX3" fmla="*/ 98595 w 143653"/>
                  <a:gd name="connsiteY3" fmla="*/ 0 h 45322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653" h="453224">
                    <a:moveTo>
                      <a:pt x="98595" y="0"/>
                    </a:moveTo>
                    <a:lnTo>
                      <a:pt x="143653" y="145774"/>
                    </a:lnTo>
                    <a:cubicBezTo>
                      <a:pt x="38518" y="232356"/>
                      <a:pt x="50005" y="387847"/>
                      <a:pt x="27034" y="453224"/>
                    </a:cubicBezTo>
                    <a:cubicBezTo>
                      <a:pt x="5831" y="365759"/>
                      <a:pt x="-47179" y="100716"/>
                      <a:pt x="98595" y="0"/>
                    </a:cubicBezTo>
                    <a:close/>
                  </a:path>
                </a:pathLst>
              </a:cu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  <p:sp>
            <p:nvSpPr>
              <p:cNvPr id="77" name="자유형: 도형 76">
                <a:extLst>
                  <a:ext uri="{FF2B5EF4-FFF2-40B4-BE49-F238E27FC236}">
                    <a16:creationId xmlns:a16="http://schemas.microsoft.com/office/drawing/2014/main" id="{E5282C72-98DB-48D8-88FE-2DFA994D4B88}"/>
                  </a:ext>
                </a:extLst>
              </p:cNvPr>
              <p:cNvSpPr/>
              <p:nvPr userDrawn="1"/>
            </p:nvSpPr>
            <p:spPr>
              <a:xfrm flipH="1">
                <a:off x="5807099" y="-1556"/>
                <a:ext cx="143653" cy="453224"/>
              </a:xfrm>
              <a:custGeom>
                <a:avLst/>
                <a:gdLst>
                  <a:gd name="connsiteX0" fmla="*/ 71561 w 116619"/>
                  <a:gd name="connsiteY0" fmla="*/ 0 h 453224"/>
                  <a:gd name="connsiteX1" fmla="*/ 116619 w 116619"/>
                  <a:gd name="connsiteY1" fmla="*/ 145774 h 453224"/>
                  <a:gd name="connsiteX2" fmla="*/ 0 w 116619"/>
                  <a:gd name="connsiteY2" fmla="*/ 453224 h 453224"/>
                  <a:gd name="connsiteX3" fmla="*/ 71561 w 116619"/>
                  <a:gd name="connsiteY3" fmla="*/ 0 h 453224"/>
                  <a:gd name="connsiteX0" fmla="*/ 78782 w 123840"/>
                  <a:gd name="connsiteY0" fmla="*/ 0 h 453224"/>
                  <a:gd name="connsiteX1" fmla="*/ 123840 w 123840"/>
                  <a:gd name="connsiteY1" fmla="*/ 145774 h 453224"/>
                  <a:gd name="connsiteX2" fmla="*/ 7221 w 123840"/>
                  <a:gd name="connsiteY2" fmla="*/ 453224 h 453224"/>
                  <a:gd name="connsiteX3" fmla="*/ 78782 w 123840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3711 w 138769"/>
                  <a:gd name="connsiteY0" fmla="*/ 0 h 453224"/>
                  <a:gd name="connsiteX1" fmla="*/ 138769 w 138769"/>
                  <a:gd name="connsiteY1" fmla="*/ 145774 h 453224"/>
                  <a:gd name="connsiteX2" fmla="*/ 22150 w 138769"/>
                  <a:gd name="connsiteY2" fmla="*/ 453224 h 453224"/>
                  <a:gd name="connsiteX3" fmla="*/ 93711 w 138769"/>
                  <a:gd name="connsiteY3" fmla="*/ 0 h 453224"/>
                  <a:gd name="connsiteX0" fmla="*/ 95845 w 140903"/>
                  <a:gd name="connsiteY0" fmla="*/ 0 h 453224"/>
                  <a:gd name="connsiteX1" fmla="*/ 140903 w 140903"/>
                  <a:gd name="connsiteY1" fmla="*/ 145774 h 453224"/>
                  <a:gd name="connsiteX2" fmla="*/ 24284 w 140903"/>
                  <a:gd name="connsiteY2" fmla="*/ 453224 h 453224"/>
                  <a:gd name="connsiteX3" fmla="*/ 95845 w 140903"/>
                  <a:gd name="connsiteY3" fmla="*/ 0 h 453224"/>
                  <a:gd name="connsiteX0" fmla="*/ 98595 w 143653"/>
                  <a:gd name="connsiteY0" fmla="*/ 0 h 453224"/>
                  <a:gd name="connsiteX1" fmla="*/ 143653 w 143653"/>
                  <a:gd name="connsiteY1" fmla="*/ 145774 h 453224"/>
                  <a:gd name="connsiteX2" fmla="*/ 27034 w 143653"/>
                  <a:gd name="connsiteY2" fmla="*/ 453224 h 453224"/>
                  <a:gd name="connsiteX3" fmla="*/ 98595 w 143653"/>
                  <a:gd name="connsiteY3" fmla="*/ 0 h 453224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</a:cxnLst>
                <a:rect l="l" t="t" r="r" b="b"/>
                <a:pathLst>
                  <a:path w="143653" h="453224">
                    <a:moveTo>
                      <a:pt x="98595" y="0"/>
                    </a:moveTo>
                    <a:lnTo>
                      <a:pt x="143653" y="145774"/>
                    </a:lnTo>
                    <a:cubicBezTo>
                      <a:pt x="38518" y="232356"/>
                      <a:pt x="50005" y="387847"/>
                      <a:pt x="27034" y="453224"/>
                    </a:cubicBezTo>
                    <a:cubicBezTo>
                      <a:pt x="5831" y="365759"/>
                      <a:pt x="-47179" y="100716"/>
                      <a:pt x="98595" y="0"/>
                    </a:cubicBezTo>
                    <a:close/>
                  </a:path>
                </a:pathLst>
              </a:custGeom>
              <a:solidFill>
                <a:schemeClr val="bg1">
                  <a:lumMod val="75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ko-KR" altLang="en-US"/>
              </a:p>
            </p:txBody>
          </p:sp>
        </p:grpSp>
      </p:grpSp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2616057" y="2931790"/>
            <a:ext cx="3894936" cy="576063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3600" b="1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Thank you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2615909" y="3579862"/>
            <a:ext cx="3894936" cy="288032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4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  <p:grpSp>
        <p:nvGrpSpPr>
          <p:cNvPr id="3" name="Group 2"/>
          <p:cNvGrpSpPr/>
          <p:nvPr userDrawn="1"/>
        </p:nvGrpSpPr>
        <p:grpSpPr>
          <a:xfrm>
            <a:off x="6535596" y="1104508"/>
            <a:ext cx="672848" cy="486211"/>
            <a:chOff x="6495678" y="1779663"/>
            <a:chExt cx="672848" cy="486211"/>
          </a:xfrm>
        </p:grpSpPr>
        <p:sp>
          <p:nvSpPr>
            <p:cNvPr id="17" name="Oval 16"/>
            <p:cNvSpPr/>
            <p:nvPr userDrawn="1"/>
          </p:nvSpPr>
          <p:spPr>
            <a:xfrm>
              <a:off x="6588225" y="1779663"/>
              <a:ext cx="432048" cy="432048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8" name="Oval 17"/>
            <p:cNvSpPr/>
            <p:nvPr userDrawn="1"/>
          </p:nvSpPr>
          <p:spPr>
            <a:xfrm>
              <a:off x="6872020" y="1913390"/>
              <a:ext cx="296506" cy="296506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19" name="Oval 18"/>
            <p:cNvSpPr/>
            <p:nvPr userDrawn="1"/>
          </p:nvSpPr>
          <p:spPr>
            <a:xfrm>
              <a:off x="6495678" y="1995687"/>
              <a:ext cx="270187" cy="270187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0" name="Oval 19"/>
            <p:cNvSpPr/>
            <p:nvPr userDrawn="1"/>
          </p:nvSpPr>
          <p:spPr>
            <a:xfrm>
              <a:off x="6698826" y="1995687"/>
              <a:ext cx="270187" cy="270187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  <p:grpSp>
        <p:nvGrpSpPr>
          <p:cNvPr id="21" name="Group 20"/>
          <p:cNvGrpSpPr/>
          <p:nvPr userDrawn="1"/>
        </p:nvGrpSpPr>
        <p:grpSpPr>
          <a:xfrm>
            <a:off x="2098952" y="2183144"/>
            <a:ext cx="524595" cy="379081"/>
            <a:chOff x="6495678" y="1779663"/>
            <a:chExt cx="672848" cy="486211"/>
          </a:xfrm>
        </p:grpSpPr>
        <p:sp>
          <p:nvSpPr>
            <p:cNvPr id="22" name="Oval 21"/>
            <p:cNvSpPr/>
            <p:nvPr userDrawn="1"/>
          </p:nvSpPr>
          <p:spPr>
            <a:xfrm>
              <a:off x="6588225" y="1779663"/>
              <a:ext cx="432048" cy="432048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3" name="Oval 22"/>
            <p:cNvSpPr/>
            <p:nvPr userDrawn="1"/>
          </p:nvSpPr>
          <p:spPr>
            <a:xfrm>
              <a:off x="6872020" y="1913390"/>
              <a:ext cx="296506" cy="296506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4" name="Oval 23"/>
            <p:cNvSpPr/>
            <p:nvPr userDrawn="1"/>
          </p:nvSpPr>
          <p:spPr>
            <a:xfrm>
              <a:off x="6495678" y="1995687"/>
              <a:ext cx="270187" cy="270187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25" name="Oval 24"/>
            <p:cNvSpPr/>
            <p:nvPr userDrawn="1"/>
          </p:nvSpPr>
          <p:spPr>
            <a:xfrm>
              <a:off x="6698826" y="1995687"/>
              <a:ext cx="270187" cy="270187"/>
            </a:xfrm>
            <a:prstGeom prst="ellipse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</p:grpSp>
    </p:spTree>
    <p:extLst>
      <p:ext uri="{BB962C8B-B14F-4D97-AF65-F5344CB8AC3E}">
        <p14:creationId xmlns:p14="http://schemas.microsoft.com/office/powerpoint/2010/main" val="41136053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mages and Contents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" name="Group 12"/>
          <p:cNvGrpSpPr/>
          <p:nvPr userDrawn="1"/>
        </p:nvGrpSpPr>
        <p:grpSpPr>
          <a:xfrm>
            <a:off x="3707904" y="1203090"/>
            <a:ext cx="1710999" cy="3600908"/>
            <a:chOff x="3797105" y="1404992"/>
            <a:chExt cx="1548895" cy="3471014"/>
          </a:xfrm>
        </p:grpSpPr>
        <p:sp>
          <p:nvSpPr>
            <p:cNvPr id="9" name="Rectangle 8"/>
            <p:cNvSpPr/>
            <p:nvPr userDrawn="1"/>
          </p:nvSpPr>
          <p:spPr>
            <a:xfrm>
              <a:off x="3797105" y="1909048"/>
              <a:ext cx="1548000" cy="2462902"/>
            </a:xfrm>
            <a:prstGeom prst="rect">
              <a:avLst/>
            </a:prstGeom>
            <a:solidFill>
              <a:schemeClr val="tx1">
                <a:lumMod val="75000"/>
                <a:lumOff val="2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ko-KR" altLang="en-US">
                <a:solidFill>
                  <a:schemeClr val="tx1"/>
                </a:solidFill>
              </a:endParaRPr>
            </a:p>
          </p:txBody>
        </p:sp>
        <p:sp>
          <p:nvSpPr>
            <p:cNvPr id="12" name="Isosceles Triangle 11"/>
            <p:cNvSpPr/>
            <p:nvPr userDrawn="1"/>
          </p:nvSpPr>
          <p:spPr>
            <a:xfrm>
              <a:off x="3797105" y="1404992"/>
              <a:ext cx="1548000" cy="504056"/>
            </a:xfrm>
            <a:prstGeom prst="triangle">
              <a:avLst>
                <a:gd name="adj" fmla="val 49055"/>
              </a:avLst>
            </a:prstGeom>
            <a:solidFill>
              <a:schemeClr val="tx1">
                <a:lumMod val="75000"/>
                <a:lumOff val="2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ko-KR" altLang="en-US">
                <a:solidFill>
                  <a:schemeClr val="tx1"/>
                </a:solidFill>
              </a:endParaRPr>
            </a:p>
          </p:txBody>
        </p:sp>
        <p:sp>
          <p:nvSpPr>
            <p:cNvPr id="14" name="Isosceles Triangle 13"/>
            <p:cNvSpPr/>
            <p:nvPr userDrawn="1"/>
          </p:nvSpPr>
          <p:spPr>
            <a:xfrm rot="10800000">
              <a:off x="3798000" y="4371950"/>
              <a:ext cx="1548000" cy="504056"/>
            </a:xfrm>
            <a:prstGeom prst="triangle">
              <a:avLst>
                <a:gd name="adj" fmla="val 49055"/>
              </a:avLst>
            </a:prstGeom>
            <a:solidFill>
              <a:schemeClr val="tx1">
                <a:lumMod val="75000"/>
                <a:lumOff val="2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ko-KR" altLang="en-US">
                <a:solidFill>
                  <a:schemeClr val="tx1"/>
                </a:solidFill>
              </a:endParaRPr>
            </a:p>
          </p:txBody>
        </p:sp>
      </p:grpSp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23478"/>
            <a:ext cx="9144000" cy="576064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36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MAGES &amp; CONTENTS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699542"/>
            <a:ext cx="9144000" cy="288032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4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  <p:sp>
        <p:nvSpPr>
          <p:cNvPr id="8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3787227" y="1312181"/>
            <a:ext cx="1548000" cy="1800000"/>
          </a:xfrm>
          <a:custGeom>
            <a:avLst/>
            <a:gdLst>
              <a:gd name="connsiteX0" fmla="*/ 0 w 1440160"/>
              <a:gd name="connsiteY0" fmla="*/ 626356 h 1252711"/>
              <a:gd name="connsiteX1" fmla="*/ 313178 w 1440160"/>
              <a:gd name="connsiteY1" fmla="*/ 0 h 1252711"/>
              <a:gd name="connsiteX2" fmla="*/ 1126982 w 1440160"/>
              <a:gd name="connsiteY2" fmla="*/ 0 h 1252711"/>
              <a:gd name="connsiteX3" fmla="*/ 1440160 w 1440160"/>
              <a:gd name="connsiteY3" fmla="*/ 626356 h 1252711"/>
              <a:gd name="connsiteX4" fmla="*/ 1126982 w 1440160"/>
              <a:gd name="connsiteY4" fmla="*/ 1252711 h 1252711"/>
              <a:gd name="connsiteX5" fmla="*/ 313178 w 1440160"/>
              <a:gd name="connsiteY5" fmla="*/ 1252711 h 1252711"/>
              <a:gd name="connsiteX6" fmla="*/ 0 w 1440160"/>
              <a:gd name="connsiteY6" fmla="*/ 626356 h 1252711"/>
              <a:gd name="connsiteX0" fmla="*/ 0 w 1440160"/>
              <a:gd name="connsiteY0" fmla="*/ 745419 h 1371774"/>
              <a:gd name="connsiteX1" fmla="*/ 679890 w 1440160"/>
              <a:gd name="connsiteY1" fmla="*/ 0 h 1371774"/>
              <a:gd name="connsiteX2" fmla="*/ 1126982 w 1440160"/>
              <a:gd name="connsiteY2" fmla="*/ 119063 h 1371774"/>
              <a:gd name="connsiteX3" fmla="*/ 1440160 w 1440160"/>
              <a:gd name="connsiteY3" fmla="*/ 745419 h 1371774"/>
              <a:gd name="connsiteX4" fmla="*/ 1126982 w 1440160"/>
              <a:gd name="connsiteY4" fmla="*/ 1371774 h 1371774"/>
              <a:gd name="connsiteX5" fmla="*/ 313178 w 1440160"/>
              <a:gd name="connsiteY5" fmla="*/ 1371774 h 1371774"/>
              <a:gd name="connsiteX6" fmla="*/ 0 w 1440160"/>
              <a:gd name="connsiteY6" fmla="*/ 745419 h 1371774"/>
              <a:gd name="connsiteX0" fmla="*/ 0 w 1440160"/>
              <a:gd name="connsiteY0" fmla="*/ 745419 h 1371774"/>
              <a:gd name="connsiteX1" fmla="*/ 679890 w 1440160"/>
              <a:gd name="connsiteY1" fmla="*/ 0 h 1371774"/>
              <a:gd name="connsiteX2" fmla="*/ 1379395 w 1440160"/>
              <a:gd name="connsiteY2" fmla="*/ 409576 h 1371774"/>
              <a:gd name="connsiteX3" fmla="*/ 1440160 w 1440160"/>
              <a:gd name="connsiteY3" fmla="*/ 745419 h 1371774"/>
              <a:gd name="connsiteX4" fmla="*/ 1126982 w 1440160"/>
              <a:gd name="connsiteY4" fmla="*/ 1371774 h 1371774"/>
              <a:gd name="connsiteX5" fmla="*/ 313178 w 1440160"/>
              <a:gd name="connsiteY5" fmla="*/ 1371774 h 1371774"/>
              <a:gd name="connsiteX6" fmla="*/ 0 w 1440160"/>
              <a:gd name="connsiteY6" fmla="*/ 745419 h 1371774"/>
              <a:gd name="connsiteX0" fmla="*/ 0 w 1379395"/>
              <a:gd name="connsiteY0" fmla="*/ 745419 h 1371774"/>
              <a:gd name="connsiteX1" fmla="*/ 679890 w 1379395"/>
              <a:gd name="connsiteY1" fmla="*/ 0 h 1371774"/>
              <a:gd name="connsiteX2" fmla="*/ 1379395 w 1379395"/>
              <a:gd name="connsiteY2" fmla="*/ 409576 h 1371774"/>
              <a:gd name="connsiteX3" fmla="*/ 1340147 w 1379395"/>
              <a:gd name="connsiteY3" fmla="*/ 1102607 h 1371774"/>
              <a:gd name="connsiteX4" fmla="*/ 1126982 w 1379395"/>
              <a:gd name="connsiteY4" fmla="*/ 1371774 h 1371774"/>
              <a:gd name="connsiteX5" fmla="*/ 313178 w 1379395"/>
              <a:gd name="connsiteY5" fmla="*/ 1371774 h 1371774"/>
              <a:gd name="connsiteX6" fmla="*/ 0 w 1379395"/>
              <a:gd name="connsiteY6" fmla="*/ 745419 h 1371774"/>
              <a:gd name="connsiteX0" fmla="*/ 0 w 1379395"/>
              <a:gd name="connsiteY0" fmla="*/ 745419 h 1483692"/>
              <a:gd name="connsiteX1" fmla="*/ 679890 w 1379395"/>
              <a:gd name="connsiteY1" fmla="*/ 0 h 1483692"/>
              <a:gd name="connsiteX2" fmla="*/ 1379395 w 1379395"/>
              <a:gd name="connsiteY2" fmla="*/ 409576 h 1483692"/>
              <a:gd name="connsiteX3" fmla="*/ 1340147 w 1379395"/>
              <a:gd name="connsiteY3" fmla="*/ 1102607 h 1483692"/>
              <a:gd name="connsiteX4" fmla="*/ 757888 w 1379395"/>
              <a:gd name="connsiteY4" fmla="*/ 1483692 h 1483692"/>
              <a:gd name="connsiteX5" fmla="*/ 313178 w 1379395"/>
              <a:gd name="connsiteY5" fmla="*/ 1371774 h 1483692"/>
              <a:gd name="connsiteX6" fmla="*/ 0 w 1379395"/>
              <a:gd name="connsiteY6" fmla="*/ 745419 h 1483692"/>
              <a:gd name="connsiteX0" fmla="*/ 0 w 1379395"/>
              <a:gd name="connsiteY0" fmla="*/ 745419 h 1483692"/>
              <a:gd name="connsiteX1" fmla="*/ 679890 w 1379395"/>
              <a:gd name="connsiteY1" fmla="*/ 0 h 1483692"/>
              <a:gd name="connsiteX2" fmla="*/ 1379395 w 1379395"/>
              <a:gd name="connsiteY2" fmla="*/ 409576 h 1483692"/>
              <a:gd name="connsiteX3" fmla="*/ 1340147 w 1379395"/>
              <a:gd name="connsiteY3" fmla="*/ 1102607 h 1483692"/>
              <a:gd name="connsiteX4" fmla="*/ 757888 w 1379395"/>
              <a:gd name="connsiteY4" fmla="*/ 1483692 h 1483692"/>
              <a:gd name="connsiteX5" fmla="*/ 65528 w 1379395"/>
              <a:gd name="connsiteY5" fmla="*/ 1086024 h 1483692"/>
              <a:gd name="connsiteX6" fmla="*/ 0 w 1379395"/>
              <a:gd name="connsiteY6" fmla="*/ 745419 h 1483692"/>
              <a:gd name="connsiteX0" fmla="*/ 32104 w 1313867"/>
              <a:gd name="connsiteY0" fmla="*/ 385851 h 1483692"/>
              <a:gd name="connsiteX1" fmla="*/ 614362 w 1313867"/>
              <a:gd name="connsiteY1" fmla="*/ 0 h 1483692"/>
              <a:gd name="connsiteX2" fmla="*/ 1313867 w 1313867"/>
              <a:gd name="connsiteY2" fmla="*/ 409576 h 1483692"/>
              <a:gd name="connsiteX3" fmla="*/ 1274619 w 1313867"/>
              <a:gd name="connsiteY3" fmla="*/ 1102607 h 1483692"/>
              <a:gd name="connsiteX4" fmla="*/ 692360 w 1313867"/>
              <a:gd name="connsiteY4" fmla="*/ 1483692 h 1483692"/>
              <a:gd name="connsiteX5" fmla="*/ 0 w 1313867"/>
              <a:gd name="connsiteY5" fmla="*/ 1086024 h 1483692"/>
              <a:gd name="connsiteX6" fmla="*/ 32104 w 1313867"/>
              <a:gd name="connsiteY6" fmla="*/ 385851 h 1483692"/>
              <a:gd name="connsiteX0" fmla="*/ 32104 w 1313867"/>
              <a:gd name="connsiteY0" fmla="*/ 385851 h 1483692"/>
              <a:gd name="connsiteX1" fmla="*/ 647699 w 1313867"/>
              <a:gd name="connsiteY1" fmla="*/ 0 h 1483692"/>
              <a:gd name="connsiteX2" fmla="*/ 1313867 w 1313867"/>
              <a:gd name="connsiteY2" fmla="*/ 409576 h 1483692"/>
              <a:gd name="connsiteX3" fmla="*/ 1274619 w 1313867"/>
              <a:gd name="connsiteY3" fmla="*/ 1102607 h 1483692"/>
              <a:gd name="connsiteX4" fmla="*/ 692360 w 1313867"/>
              <a:gd name="connsiteY4" fmla="*/ 1483692 h 1483692"/>
              <a:gd name="connsiteX5" fmla="*/ 0 w 1313867"/>
              <a:gd name="connsiteY5" fmla="*/ 1086024 h 1483692"/>
              <a:gd name="connsiteX6" fmla="*/ 32104 w 1313867"/>
              <a:gd name="connsiteY6" fmla="*/ 385851 h 1483692"/>
              <a:gd name="connsiteX0" fmla="*/ 32104 w 1313867"/>
              <a:gd name="connsiteY0" fmla="*/ 385851 h 1488454"/>
              <a:gd name="connsiteX1" fmla="*/ 647699 w 1313867"/>
              <a:gd name="connsiteY1" fmla="*/ 0 h 1488454"/>
              <a:gd name="connsiteX2" fmla="*/ 1313867 w 1313867"/>
              <a:gd name="connsiteY2" fmla="*/ 409576 h 1488454"/>
              <a:gd name="connsiteX3" fmla="*/ 1274619 w 1313867"/>
              <a:gd name="connsiteY3" fmla="*/ 1102607 h 1488454"/>
              <a:gd name="connsiteX4" fmla="*/ 656641 w 1313867"/>
              <a:gd name="connsiteY4" fmla="*/ 1488454 h 1488454"/>
              <a:gd name="connsiteX5" fmla="*/ 0 w 1313867"/>
              <a:gd name="connsiteY5" fmla="*/ 1086024 h 1488454"/>
              <a:gd name="connsiteX6" fmla="*/ 32104 w 1313867"/>
              <a:gd name="connsiteY6" fmla="*/ 385851 h 1488454"/>
              <a:gd name="connsiteX0" fmla="*/ 32104 w 1313867"/>
              <a:gd name="connsiteY0" fmla="*/ 385851 h 1488454"/>
              <a:gd name="connsiteX1" fmla="*/ 647699 w 1313867"/>
              <a:gd name="connsiteY1" fmla="*/ 0 h 1488454"/>
              <a:gd name="connsiteX2" fmla="*/ 1313867 w 1313867"/>
              <a:gd name="connsiteY2" fmla="*/ 397669 h 1488454"/>
              <a:gd name="connsiteX3" fmla="*/ 1274619 w 1313867"/>
              <a:gd name="connsiteY3" fmla="*/ 1102607 h 1488454"/>
              <a:gd name="connsiteX4" fmla="*/ 656641 w 1313867"/>
              <a:gd name="connsiteY4" fmla="*/ 1488454 h 1488454"/>
              <a:gd name="connsiteX5" fmla="*/ 0 w 1313867"/>
              <a:gd name="connsiteY5" fmla="*/ 1086024 h 1488454"/>
              <a:gd name="connsiteX6" fmla="*/ 32104 w 1313867"/>
              <a:gd name="connsiteY6" fmla="*/ 385851 h 1488454"/>
              <a:gd name="connsiteX0" fmla="*/ 32104 w 1329387"/>
              <a:gd name="connsiteY0" fmla="*/ 385851 h 1488454"/>
              <a:gd name="connsiteX1" fmla="*/ 647699 w 1329387"/>
              <a:gd name="connsiteY1" fmla="*/ 0 h 1488454"/>
              <a:gd name="connsiteX2" fmla="*/ 1313867 w 1329387"/>
              <a:gd name="connsiteY2" fmla="*/ 397669 h 1488454"/>
              <a:gd name="connsiteX3" fmla="*/ 1329387 w 1329387"/>
              <a:gd name="connsiteY3" fmla="*/ 1097844 h 1488454"/>
              <a:gd name="connsiteX4" fmla="*/ 656641 w 1329387"/>
              <a:gd name="connsiteY4" fmla="*/ 1488454 h 1488454"/>
              <a:gd name="connsiteX5" fmla="*/ 0 w 1329387"/>
              <a:gd name="connsiteY5" fmla="*/ 1086024 h 1488454"/>
              <a:gd name="connsiteX6" fmla="*/ 32104 w 1329387"/>
              <a:gd name="connsiteY6" fmla="*/ 385851 h 1488454"/>
              <a:gd name="connsiteX0" fmla="*/ 0 w 1297283"/>
              <a:gd name="connsiteY0" fmla="*/ 385851 h 1488454"/>
              <a:gd name="connsiteX1" fmla="*/ 615595 w 1297283"/>
              <a:gd name="connsiteY1" fmla="*/ 0 h 1488454"/>
              <a:gd name="connsiteX2" fmla="*/ 1281763 w 1297283"/>
              <a:gd name="connsiteY2" fmla="*/ 397669 h 1488454"/>
              <a:gd name="connsiteX3" fmla="*/ 1297283 w 1297283"/>
              <a:gd name="connsiteY3" fmla="*/ 1097844 h 1488454"/>
              <a:gd name="connsiteX4" fmla="*/ 624537 w 1297283"/>
              <a:gd name="connsiteY4" fmla="*/ 1488454 h 1488454"/>
              <a:gd name="connsiteX5" fmla="*/ 5996 w 1297283"/>
              <a:gd name="connsiteY5" fmla="*/ 1095549 h 1488454"/>
              <a:gd name="connsiteX6" fmla="*/ 0 w 1297283"/>
              <a:gd name="connsiteY6" fmla="*/ 385851 h 1488454"/>
              <a:gd name="connsiteX0" fmla="*/ 0 w 1281763"/>
              <a:gd name="connsiteY0" fmla="*/ 385851 h 1488454"/>
              <a:gd name="connsiteX1" fmla="*/ 615595 w 1281763"/>
              <a:gd name="connsiteY1" fmla="*/ 0 h 1488454"/>
              <a:gd name="connsiteX2" fmla="*/ 1281763 w 1281763"/>
              <a:gd name="connsiteY2" fmla="*/ 397669 h 1488454"/>
              <a:gd name="connsiteX3" fmla="*/ 1275851 w 1281763"/>
              <a:gd name="connsiteY3" fmla="*/ 1095463 h 1488454"/>
              <a:gd name="connsiteX4" fmla="*/ 624537 w 1281763"/>
              <a:gd name="connsiteY4" fmla="*/ 1488454 h 1488454"/>
              <a:gd name="connsiteX5" fmla="*/ 5996 w 1281763"/>
              <a:gd name="connsiteY5" fmla="*/ 1095549 h 1488454"/>
              <a:gd name="connsiteX6" fmla="*/ 0 w 1281763"/>
              <a:gd name="connsiteY6" fmla="*/ 385851 h 1488454"/>
              <a:gd name="connsiteX0" fmla="*/ 0 w 1281763"/>
              <a:gd name="connsiteY0" fmla="*/ 388233 h 1490836"/>
              <a:gd name="connsiteX1" fmla="*/ 622739 w 1281763"/>
              <a:gd name="connsiteY1" fmla="*/ 0 h 1490836"/>
              <a:gd name="connsiteX2" fmla="*/ 1281763 w 1281763"/>
              <a:gd name="connsiteY2" fmla="*/ 400051 h 1490836"/>
              <a:gd name="connsiteX3" fmla="*/ 1275851 w 1281763"/>
              <a:gd name="connsiteY3" fmla="*/ 1097845 h 1490836"/>
              <a:gd name="connsiteX4" fmla="*/ 624537 w 1281763"/>
              <a:gd name="connsiteY4" fmla="*/ 1490836 h 1490836"/>
              <a:gd name="connsiteX5" fmla="*/ 5996 w 1281763"/>
              <a:gd name="connsiteY5" fmla="*/ 1097931 h 1490836"/>
              <a:gd name="connsiteX6" fmla="*/ 0 w 1281763"/>
              <a:gd name="connsiteY6" fmla="*/ 388233 h 14908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81763" h="1490836">
                <a:moveTo>
                  <a:pt x="0" y="388233"/>
                </a:moveTo>
                <a:lnTo>
                  <a:pt x="622739" y="0"/>
                </a:lnTo>
                <a:lnTo>
                  <a:pt x="1281763" y="400051"/>
                </a:lnTo>
                <a:cubicBezTo>
                  <a:pt x="1279792" y="632649"/>
                  <a:pt x="1277822" y="865247"/>
                  <a:pt x="1275851" y="1097845"/>
                </a:cubicBezTo>
                <a:lnTo>
                  <a:pt x="624537" y="1490836"/>
                </a:lnTo>
                <a:lnTo>
                  <a:pt x="5996" y="1097931"/>
                </a:lnTo>
                <a:cubicBezTo>
                  <a:pt x="3997" y="861365"/>
                  <a:pt x="1999" y="624799"/>
                  <a:pt x="0" y="388233"/>
                </a:cubicBez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6" name="Picture Placeholder 2"/>
          <p:cNvSpPr>
            <a:spLocks noGrp="1"/>
          </p:cNvSpPr>
          <p:nvPr>
            <p:ph type="pic" idx="12" hasCustomPrompt="1"/>
          </p:nvPr>
        </p:nvSpPr>
        <p:spPr>
          <a:xfrm>
            <a:off x="2059035" y="1276575"/>
            <a:ext cx="1548000" cy="1800000"/>
          </a:xfrm>
          <a:custGeom>
            <a:avLst/>
            <a:gdLst>
              <a:gd name="connsiteX0" fmla="*/ 0 w 1440160"/>
              <a:gd name="connsiteY0" fmla="*/ 626356 h 1252711"/>
              <a:gd name="connsiteX1" fmla="*/ 313178 w 1440160"/>
              <a:gd name="connsiteY1" fmla="*/ 0 h 1252711"/>
              <a:gd name="connsiteX2" fmla="*/ 1126982 w 1440160"/>
              <a:gd name="connsiteY2" fmla="*/ 0 h 1252711"/>
              <a:gd name="connsiteX3" fmla="*/ 1440160 w 1440160"/>
              <a:gd name="connsiteY3" fmla="*/ 626356 h 1252711"/>
              <a:gd name="connsiteX4" fmla="*/ 1126982 w 1440160"/>
              <a:gd name="connsiteY4" fmla="*/ 1252711 h 1252711"/>
              <a:gd name="connsiteX5" fmla="*/ 313178 w 1440160"/>
              <a:gd name="connsiteY5" fmla="*/ 1252711 h 1252711"/>
              <a:gd name="connsiteX6" fmla="*/ 0 w 1440160"/>
              <a:gd name="connsiteY6" fmla="*/ 626356 h 1252711"/>
              <a:gd name="connsiteX0" fmla="*/ 0 w 1440160"/>
              <a:gd name="connsiteY0" fmla="*/ 745419 h 1371774"/>
              <a:gd name="connsiteX1" fmla="*/ 679890 w 1440160"/>
              <a:gd name="connsiteY1" fmla="*/ 0 h 1371774"/>
              <a:gd name="connsiteX2" fmla="*/ 1126982 w 1440160"/>
              <a:gd name="connsiteY2" fmla="*/ 119063 h 1371774"/>
              <a:gd name="connsiteX3" fmla="*/ 1440160 w 1440160"/>
              <a:gd name="connsiteY3" fmla="*/ 745419 h 1371774"/>
              <a:gd name="connsiteX4" fmla="*/ 1126982 w 1440160"/>
              <a:gd name="connsiteY4" fmla="*/ 1371774 h 1371774"/>
              <a:gd name="connsiteX5" fmla="*/ 313178 w 1440160"/>
              <a:gd name="connsiteY5" fmla="*/ 1371774 h 1371774"/>
              <a:gd name="connsiteX6" fmla="*/ 0 w 1440160"/>
              <a:gd name="connsiteY6" fmla="*/ 745419 h 1371774"/>
              <a:gd name="connsiteX0" fmla="*/ 0 w 1440160"/>
              <a:gd name="connsiteY0" fmla="*/ 745419 h 1371774"/>
              <a:gd name="connsiteX1" fmla="*/ 679890 w 1440160"/>
              <a:gd name="connsiteY1" fmla="*/ 0 h 1371774"/>
              <a:gd name="connsiteX2" fmla="*/ 1379395 w 1440160"/>
              <a:gd name="connsiteY2" fmla="*/ 409576 h 1371774"/>
              <a:gd name="connsiteX3" fmla="*/ 1440160 w 1440160"/>
              <a:gd name="connsiteY3" fmla="*/ 745419 h 1371774"/>
              <a:gd name="connsiteX4" fmla="*/ 1126982 w 1440160"/>
              <a:gd name="connsiteY4" fmla="*/ 1371774 h 1371774"/>
              <a:gd name="connsiteX5" fmla="*/ 313178 w 1440160"/>
              <a:gd name="connsiteY5" fmla="*/ 1371774 h 1371774"/>
              <a:gd name="connsiteX6" fmla="*/ 0 w 1440160"/>
              <a:gd name="connsiteY6" fmla="*/ 745419 h 1371774"/>
              <a:gd name="connsiteX0" fmla="*/ 0 w 1379395"/>
              <a:gd name="connsiteY0" fmla="*/ 745419 h 1371774"/>
              <a:gd name="connsiteX1" fmla="*/ 679890 w 1379395"/>
              <a:gd name="connsiteY1" fmla="*/ 0 h 1371774"/>
              <a:gd name="connsiteX2" fmla="*/ 1379395 w 1379395"/>
              <a:gd name="connsiteY2" fmla="*/ 409576 h 1371774"/>
              <a:gd name="connsiteX3" fmla="*/ 1340147 w 1379395"/>
              <a:gd name="connsiteY3" fmla="*/ 1102607 h 1371774"/>
              <a:gd name="connsiteX4" fmla="*/ 1126982 w 1379395"/>
              <a:gd name="connsiteY4" fmla="*/ 1371774 h 1371774"/>
              <a:gd name="connsiteX5" fmla="*/ 313178 w 1379395"/>
              <a:gd name="connsiteY5" fmla="*/ 1371774 h 1371774"/>
              <a:gd name="connsiteX6" fmla="*/ 0 w 1379395"/>
              <a:gd name="connsiteY6" fmla="*/ 745419 h 1371774"/>
              <a:gd name="connsiteX0" fmla="*/ 0 w 1379395"/>
              <a:gd name="connsiteY0" fmla="*/ 745419 h 1483692"/>
              <a:gd name="connsiteX1" fmla="*/ 679890 w 1379395"/>
              <a:gd name="connsiteY1" fmla="*/ 0 h 1483692"/>
              <a:gd name="connsiteX2" fmla="*/ 1379395 w 1379395"/>
              <a:gd name="connsiteY2" fmla="*/ 409576 h 1483692"/>
              <a:gd name="connsiteX3" fmla="*/ 1340147 w 1379395"/>
              <a:gd name="connsiteY3" fmla="*/ 1102607 h 1483692"/>
              <a:gd name="connsiteX4" fmla="*/ 757888 w 1379395"/>
              <a:gd name="connsiteY4" fmla="*/ 1483692 h 1483692"/>
              <a:gd name="connsiteX5" fmla="*/ 313178 w 1379395"/>
              <a:gd name="connsiteY5" fmla="*/ 1371774 h 1483692"/>
              <a:gd name="connsiteX6" fmla="*/ 0 w 1379395"/>
              <a:gd name="connsiteY6" fmla="*/ 745419 h 1483692"/>
              <a:gd name="connsiteX0" fmla="*/ 0 w 1379395"/>
              <a:gd name="connsiteY0" fmla="*/ 745419 h 1483692"/>
              <a:gd name="connsiteX1" fmla="*/ 679890 w 1379395"/>
              <a:gd name="connsiteY1" fmla="*/ 0 h 1483692"/>
              <a:gd name="connsiteX2" fmla="*/ 1379395 w 1379395"/>
              <a:gd name="connsiteY2" fmla="*/ 409576 h 1483692"/>
              <a:gd name="connsiteX3" fmla="*/ 1340147 w 1379395"/>
              <a:gd name="connsiteY3" fmla="*/ 1102607 h 1483692"/>
              <a:gd name="connsiteX4" fmla="*/ 757888 w 1379395"/>
              <a:gd name="connsiteY4" fmla="*/ 1483692 h 1483692"/>
              <a:gd name="connsiteX5" fmla="*/ 65528 w 1379395"/>
              <a:gd name="connsiteY5" fmla="*/ 1086024 h 1483692"/>
              <a:gd name="connsiteX6" fmla="*/ 0 w 1379395"/>
              <a:gd name="connsiteY6" fmla="*/ 745419 h 1483692"/>
              <a:gd name="connsiteX0" fmla="*/ 32104 w 1313867"/>
              <a:gd name="connsiteY0" fmla="*/ 385851 h 1483692"/>
              <a:gd name="connsiteX1" fmla="*/ 614362 w 1313867"/>
              <a:gd name="connsiteY1" fmla="*/ 0 h 1483692"/>
              <a:gd name="connsiteX2" fmla="*/ 1313867 w 1313867"/>
              <a:gd name="connsiteY2" fmla="*/ 409576 h 1483692"/>
              <a:gd name="connsiteX3" fmla="*/ 1274619 w 1313867"/>
              <a:gd name="connsiteY3" fmla="*/ 1102607 h 1483692"/>
              <a:gd name="connsiteX4" fmla="*/ 692360 w 1313867"/>
              <a:gd name="connsiteY4" fmla="*/ 1483692 h 1483692"/>
              <a:gd name="connsiteX5" fmla="*/ 0 w 1313867"/>
              <a:gd name="connsiteY5" fmla="*/ 1086024 h 1483692"/>
              <a:gd name="connsiteX6" fmla="*/ 32104 w 1313867"/>
              <a:gd name="connsiteY6" fmla="*/ 385851 h 1483692"/>
              <a:gd name="connsiteX0" fmla="*/ 32104 w 1313867"/>
              <a:gd name="connsiteY0" fmla="*/ 385851 h 1483692"/>
              <a:gd name="connsiteX1" fmla="*/ 647699 w 1313867"/>
              <a:gd name="connsiteY1" fmla="*/ 0 h 1483692"/>
              <a:gd name="connsiteX2" fmla="*/ 1313867 w 1313867"/>
              <a:gd name="connsiteY2" fmla="*/ 409576 h 1483692"/>
              <a:gd name="connsiteX3" fmla="*/ 1274619 w 1313867"/>
              <a:gd name="connsiteY3" fmla="*/ 1102607 h 1483692"/>
              <a:gd name="connsiteX4" fmla="*/ 692360 w 1313867"/>
              <a:gd name="connsiteY4" fmla="*/ 1483692 h 1483692"/>
              <a:gd name="connsiteX5" fmla="*/ 0 w 1313867"/>
              <a:gd name="connsiteY5" fmla="*/ 1086024 h 1483692"/>
              <a:gd name="connsiteX6" fmla="*/ 32104 w 1313867"/>
              <a:gd name="connsiteY6" fmla="*/ 385851 h 1483692"/>
              <a:gd name="connsiteX0" fmla="*/ 32104 w 1313867"/>
              <a:gd name="connsiteY0" fmla="*/ 385851 h 1488454"/>
              <a:gd name="connsiteX1" fmla="*/ 647699 w 1313867"/>
              <a:gd name="connsiteY1" fmla="*/ 0 h 1488454"/>
              <a:gd name="connsiteX2" fmla="*/ 1313867 w 1313867"/>
              <a:gd name="connsiteY2" fmla="*/ 409576 h 1488454"/>
              <a:gd name="connsiteX3" fmla="*/ 1274619 w 1313867"/>
              <a:gd name="connsiteY3" fmla="*/ 1102607 h 1488454"/>
              <a:gd name="connsiteX4" fmla="*/ 656641 w 1313867"/>
              <a:gd name="connsiteY4" fmla="*/ 1488454 h 1488454"/>
              <a:gd name="connsiteX5" fmla="*/ 0 w 1313867"/>
              <a:gd name="connsiteY5" fmla="*/ 1086024 h 1488454"/>
              <a:gd name="connsiteX6" fmla="*/ 32104 w 1313867"/>
              <a:gd name="connsiteY6" fmla="*/ 385851 h 1488454"/>
              <a:gd name="connsiteX0" fmla="*/ 32104 w 1313867"/>
              <a:gd name="connsiteY0" fmla="*/ 385851 h 1488454"/>
              <a:gd name="connsiteX1" fmla="*/ 647699 w 1313867"/>
              <a:gd name="connsiteY1" fmla="*/ 0 h 1488454"/>
              <a:gd name="connsiteX2" fmla="*/ 1313867 w 1313867"/>
              <a:gd name="connsiteY2" fmla="*/ 397669 h 1488454"/>
              <a:gd name="connsiteX3" fmla="*/ 1274619 w 1313867"/>
              <a:gd name="connsiteY3" fmla="*/ 1102607 h 1488454"/>
              <a:gd name="connsiteX4" fmla="*/ 656641 w 1313867"/>
              <a:gd name="connsiteY4" fmla="*/ 1488454 h 1488454"/>
              <a:gd name="connsiteX5" fmla="*/ 0 w 1313867"/>
              <a:gd name="connsiteY5" fmla="*/ 1086024 h 1488454"/>
              <a:gd name="connsiteX6" fmla="*/ 32104 w 1313867"/>
              <a:gd name="connsiteY6" fmla="*/ 385851 h 1488454"/>
              <a:gd name="connsiteX0" fmla="*/ 32104 w 1329387"/>
              <a:gd name="connsiteY0" fmla="*/ 385851 h 1488454"/>
              <a:gd name="connsiteX1" fmla="*/ 647699 w 1329387"/>
              <a:gd name="connsiteY1" fmla="*/ 0 h 1488454"/>
              <a:gd name="connsiteX2" fmla="*/ 1313867 w 1329387"/>
              <a:gd name="connsiteY2" fmla="*/ 397669 h 1488454"/>
              <a:gd name="connsiteX3" fmla="*/ 1329387 w 1329387"/>
              <a:gd name="connsiteY3" fmla="*/ 1097844 h 1488454"/>
              <a:gd name="connsiteX4" fmla="*/ 656641 w 1329387"/>
              <a:gd name="connsiteY4" fmla="*/ 1488454 h 1488454"/>
              <a:gd name="connsiteX5" fmla="*/ 0 w 1329387"/>
              <a:gd name="connsiteY5" fmla="*/ 1086024 h 1488454"/>
              <a:gd name="connsiteX6" fmla="*/ 32104 w 1329387"/>
              <a:gd name="connsiteY6" fmla="*/ 385851 h 1488454"/>
              <a:gd name="connsiteX0" fmla="*/ 0 w 1297283"/>
              <a:gd name="connsiteY0" fmla="*/ 385851 h 1488454"/>
              <a:gd name="connsiteX1" fmla="*/ 615595 w 1297283"/>
              <a:gd name="connsiteY1" fmla="*/ 0 h 1488454"/>
              <a:gd name="connsiteX2" fmla="*/ 1281763 w 1297283"/>
              <a:gd name="connsiteY2" fmla="*/ 397669 h 1488454"/>
              <a:gd name="connsiteX3" fmla="*/ 1297283 w 1297283"/>
              <a:gd name="connsiteY3" fmla="*/ 1097844 h 1488454"/>
              <a:gd name="connsiteX4" fmla="*/ 624537 w 1297283"/>
              <a:gd name="connsiteY4" fmla="*/ 1488454 h 1488454"/>
              <a:gd name="connsiteX5" fmla="*/ 5996 w 1297283"/>
              <a:gd name="connsiteY5" fmla="*/ 1095549 h 1488454"/>
              <a:gd name="connsiteX6" fmla="*/ 0 w 1297283"/>
              <a:gd name="connsiteY6" fmla="*/ 385851 h 1488454"/>
              <a:gd name="connsiteX0" fmla="*/ 0 w 1281763"/>
              <a:gd name="connsiteY0" fmla="*/ 385851 h 1488454"/>
              <a:gd name="connsiteX1" fmla="*/ 615595 w 1281763"/>
              <a:gd name="connsiteY1" fmla="*/ 0 h 1488454"/>
              <a:gd name="connsiteX2" fmla="*/ 1281763 w 1281763"/>
              <a:gd name="connsiteY2" fmla="*/ 397669 h 1488454"/>
              <a:gd name="connsiteX3" fmla="*/ 1275851 w 1281763"/>
              <a:gd name="connsiteY3" fmla="*/ 1095463 h 1488454"/>
              <a:gd name="connsiteX4" fmla="*/ 624537 w 1281763"/>
              <a:gd name="connsiteY4" fmla="*/ 1488454 h 1488454"/>
              <a:gd name="connsiteX5" fmla="*/ 5996 w 1281763"/>
              <a:gd name="connsiteY5" fmla="*/ 1095549 h 1488454"/>
              <a:gd name="connsiteX6" fmla="*/ 0 w 1281763"/>
              <a:gd name="connsiteY6" fmla="*/ 385851 h 1488454"/>
              <a:gd name="connsiteX0" fmla="*/ 0 w 1281763"/>
              <a:gd name="connsiteY0" fmla="*/ 388233 h 1490836"/>
              <a:gd name="connsiteX1" fmla="*/ 622739 w 1281763"/>
              <a:gd name="connsiteY1" fmla="*/ 0 h 1490836"/>
              <a:gd name="connsiteX2" fmla="*/ 1281763 w 1281763"/>
              <a:gd name="connsiteY2" fmla="*/ 400051 h 1490836"/>
              <a:gd name="connsiteX3" fmla="*/ 1275851 w 1281763"/>
              <a:gd name="connsiteY3" fmla="*/ 1097845 h 1490836"/>
              <a:gd name="connsiteX4" fmla="*/ 624537 w 1281763"/>
              <a:gd name="connsiteY4" fmla="*/ 1490836 h 1490836"/>
              <a:gd name="connsiteX5" fmla="*/ 5996 w 1281763"/>
              <a:gd name="connsiteY5" fmla="*/ 1097931 h 1490836"/>
              <a:gd name="connsiteX6" fmla="*/ 0 w 1281763"/>
              <a:gd name="connsiteY6" fmla="*/ 388233 h 14908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81763" h="1490836">
                <a:moveTo>
                  <a:pt x="0" y="388233"/>
                </a:moveTo>
                <a:lnTo>
                  <a:pt x="622739" y="0"/>
                </a:lnTo>
                <a:lnTo>
                  <a:pt x="1281763" y="400051"/>
                </a:lnTo>
                <a:cubicBezTo>
                  <a:pt x="1279792" y="632649"/>
                  <a:pt x="1277822" y="865247"/>
                  <a:pt x="1275851" y="1097845"/>
                </a:cubicBezTo>
                <a:lnTo>
                  <a:pt x="624537" y="1490836"/>
                </a:lnTo>
                <a:lnTo>
                  <a:pt x="5996" y="1097931"/>
                </a:lnTo>
                <a:cubicBezTo>
                  <a:pt x="3997" y="861365"/>
                  <a:pt x="1999" y="624799"/>
                  <a:pt x="0" y="388233"/>
                </a:cubicBez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7" name="Picture Placeholder 2"/>
          <p:cNvSpPr>
            <a:spLocks noGrp="1"/>
          </p:cNvSpPr>
          <p:nvPr>
            <p:ph type="pic" idx="13" hasCustomPrompt="1"/>
          </p:nvPr>
        </p:nvSpPr>
        <p:spPr>
          <a:xfrm>
            <a:off x="330843" y="1276575"/>
            <a:ext cx="1548000" cy="1800000"/>
          </a:xfrm>
          <a:custGeom>
            <a:avLst/>
            <a:gdLst>
              <a:gd name="connsiteX0" fmla="*/ 0 w 1440160"/>
              <a:gd name="connsiteY0" fmla="*/ 626356 h 1252711"/>
              <a:gd name="connsiteX1" fmla="*/ 313178 w 1440160"/>
              <a:gd name="connsiteY1" fmla="*/ 0 h 1252711"/>
              <a:gd name="connsiteX2" fmla="*/ 1126982 w 1440160"/>
              <a:gd name="connsiteY2" fmla="*/ 0 h 1252711"/>
              <a:gd name="connsiteX3" fmla="*/ 1440160 w 1440160"/>
              <a:gd name="connsiteY3" fmla="*/ 626356 h 1252711"/>
              <a:gd name="connsiteX4" fmla="*/ 1126982 w 1440160"/>
              <a:gd name="connsiteY4" fmla="*/ 1252711 h 1252711"/>
              <a:gd name="connsiteX5" fmla="*/ 313178 w 1440160"/>
              <a:gd name="connsiteY5" fmla="*/ 1252711 h 1252711"/>
              <a:gd name="connsiteX6" fmla="*/ 0 w 1440160"/>
              <a:gd name="connsiteY6" fmla="*/ 626356 h 1252711"/>
              <a:gd name="connsiteX0" fmla="*/ 0 w 1440160"/>
              <a:gd name="connsiteY0" fmla="*/ 745419 h 1371774"/>
              <a:gd name="connsiteX1" fmla="*/ 679890 w 1440160"/>
              <a:gd name="connsiteY1" fmla="*/ 0 h 1371774"/>
              <a:gd name="connsiteX2" fmla="*/ 1126982 w 1440160"/>
              <a:gd name="connsiteY2" fmla="*/ 119063 h 1371774"/>
              <a:gd name="connsiteX3" fmla="*/ 1440160 w 1440160"/>
              <a:gd name="connsiteY3" fmla="*/ 745419 h 1371774"/>
              <a:gd name="connsiteX4" fmla="*/ 1126982 w 1440160"/>
              <a:gd name="connsiteY4" fmla="*/ 1371774 h 1371774"/>
              <a:gd name="connsiteX5" fmla="*/ 313178 w 1440160"/>
              <a:gd name="connsiteY5" fmla="*/ 1371774 h 1371774"/>
              <a:gd name="connsiteX6" fmla="*/ 0 w 1440160"/>
              <a:gd name="connsiteY6" fmla="*/ 745419 h 1371774"/>
              <a:gd name="connsiteX0" fmla="*/ 0 w 1440160"/>
              <a:gd name="connsiteY0" fmla="*/ 745419 h 1371774"/>
              <a:gd name="connsiteX1" fmla="*/ 679890 w 1440160"/>
              <a:gd name="connsiteY1" fmla="*/ 0 h 1371774"/>
              <a:gd name="connsiteX2" fmla="*/ 1379395 w 1440160"/>
              <a:gd name="connsiteY2" fmla="*/ 409576 h 1371774"/>
              <a:gd name="connsiteX3" fmla="*/ 1440160 w 1440160"/>
              <a:gd name="connsiteY3" fmla="*/ 745419 h 1371774"/>
              <a:gd name="connsiteX4" fmla="*/ 1126982 w 1440160"/>
              <a:gd name="connsiteY4" fmla="*/ 1371774 h 1371774"/>
              <a:gd name="connsiteX5" fmla="*/ 313178 w 1440160"/>
              <a:gd name="connsiteY5" fmla="*/ 1371774 h 1371774"/>
              <a:gd name="connsiteX6" fmla="*/ 0 w 1440160"/>
              <a:gd name="connsiteY6" fmla="*/ 745419 h 1371774"/>
              <a:gd name="connsiteX0" fmla="*/ 0 w 1379395"/>
              <a:gd name="connsiteY0" fmla="*/ 745419 h 1371774"/>
              <a:gd name="connsiteX1" fmla="*/ 679890 w 1379395"/>
              <a:gd name="connsiteY1" fmla="*/ 0 h 1371774"/>
              <a:gd name="connsiteX2" fmla="*/ 1379395 w 1379395"/>
              <a:gd name="connsiteY2" fmla="*/ 409576 h 1371774"/>
              <a:gd name="connsiteX3" fmla="*/ 1340147 w 1379395"/>
              <a:gd name="connsiteY3" fmla="*/ 1102607 h 1371774"/>
              <a:gd name="connsiteX4" fmla="*/ 1126982 w 1379395"/>
              <a:gd name="connsiteY4" fmla="*/ 1371774 h 1371774"/>
              <a:gd name="connsiteX5" fmla="*/ 313178 w 1379395"/>
              <a:gd name="connsiteY5" fmla="*/ 1371774 h 1371774"/>
              <a:gd name="connsiteX6" fmla="*/ 0 w 1379395"/>
              <a:gd name="connsiteY6" fmla="*/ 745419 h 1371774"/>
              <a:gd name="connsiteX0" fmla="*/ 0 w 1379395"/>
              <a:gd name="connsiteY0" fmla="*/ 745419 h 1483692"/>
              <a:gd name="connsiteX1" fmla="*/ 679890 w 1379395"/>
              <a:gd name="connsiteY1" fmla="*/ 0 h 1483692"/>
              <a:gd name="connsiteX2" fmla="*/ 1379395 w 1379395"/>
              <a:gd name="connsiteY2" fmla="*/ 409576 h 1483692"/>
              <a:gd name="connsiteX3" fmla="*/ 1340147 w 1379395"/>
              <a:gd name="connsiteY3" fmla="*/ 1102607 h 1483692"/>
              <a:gd name="connsiteX4" fmla="*/ 757888 w 1379395"/>
              <a:gd name="connsiteY4" fmla="*/ 1483692 h 1483692"/>
              <a:gd name="connsiteX5" fmla="*/ 313178 w 1379395"/>
              <a:gd name="connsiteY5" fmla="*/ 1371774 h 1483692"/>
              <a:gd name="connsiteX6" fmla="*/ 0 w 1379395"/>
              <a:gd name="connsiteY6" fmla="*/ 745419 h 1483692"/>
              <a:gd name="connsiteX0" fmla="*/ 0 w 1379395"/>
              <a:gd name="connsiteY0" fmla="*/ 745419 h 1483692"/>
              <a:gd name="connsiteX1" fmla="*/ 679890 w 1379395"/>
              <a:gd name="connsiteY1" fmla="*/ 0 h 1483692"/>
              <a:gd name="connsiteX2" fmla="*/ 1379395 w 1379395"/>
              <a:gd name="connsiteY2" fmla="*/ 409576 h 1483692"/>
              <a:gd name="connsiteX3" fmla="*/ 1340147 w 1379395"/>
              <a:gd name="connsiteY3" fmla="*/ 1102607 h 1483692"/>
              <a:gd name="connsiteX4" fmla="*/ 757888 w 1379395"/>
              <a:gd name="connsiteY4" fmla="*/ 1483692 h 1483692"/>
              <a:gd name="connsiteX5" fmla="*/ 65528 w 1379395"/>
              <a:gd name="connsiteY5" fmla="*/ 1086024 h 1483692"/>
              <a:gd name="connsiteX6" fmla="*/ 0 w 1379395"/>
              <a:gd name="connsiteY6" fmla="*/ 745419 h 1483692"/>
              <a:gd name="connsiteX0" fmla="*/ 32104 w 1313867"/>
              <a:gd name="connsiteY0" fmla="*/ 385851 h 1483692"/>
              <a:gd name="connsiteX1" fmla="*/ 614362 w 1313867"/>
              <a:gd name="connsiteY1" fmla="*/ 0 h 1483692"/>
              <a:gd name="connsiteX2" fmla="*/ 1313867 w 1313867"/>
              <a:gd name="connsiteY2" fmla="*/ 409576 h 1483692"/>
              <a:gd name="connsiteX3" fmla="*/ 1274619 w 1313867"/>
              <a:gd name="connsiteY3" fmla="*/ 1102607 h 1483692"/>
              <a:gd name="connsiteX4" fmla="*/ 692360 w 1313867"/>
              <a:gd name="connsiteY4" fmla="*/ 1483692 h 1483692"/>
              <a:gd name="connsiteX5" fmla="*/ 0 w 1313867"/>
              <a:gd name="connsiteY5" fmla="*/ 1086024 h 1483692"/>
              <a:gd name="connsiteX6" fmla="*/ 32104 w 1313867"/>
              <a:gd name="connsiteY6" fmla="*/ 385851 h 1483692"/>
              <a:gd name="connsiteX0" fmla="*/ 32104 w 1313867"/>
              <a:gd name="connsiteY0" fmla="*/ 385851 h 1483692"/>
              <a:gd name="connsiteX1" fmla="*/ 647699 w 1313867"/>
              <a:gd name="connsiteY1" fmla="*/ 0 h 1483692"/>
              <a:gd name="connsiteX2" fmla="*/ 1313867 w 1313867"/>
              <a:gd name="connsiteY2" fmla="*/ 409576 h 1483692"/>
              <a:gd name="connsiteX3" fmla="*/ 1274619 w 1313867"/>
              <a:gd name="connsiteY3" fmla="*/ 1102607 h 1483692"/>
              <a:gd name="connsiteX4" fmla="*/ 692360 w 1313867"/>
              <a:gd name="connsiteY4" fmla="*/ 1483692 h 1483692"/>
              <a:gd name="connsiteX5" fmla="*/ 0 w 1313867"/>
              <a:gd name="connsiteY5" fmla="*/ 1086024 h 1483692"/>
              <a:gd name="connsiteX6" fmla="*/ 32104 w 1313867"/>
              <a:gd name="connsiteY6" fmla="*/ 385851 h 1483692"/>
              <a:gd name="connsiteX0" fmla="*/ 32104 w 1313867"/>
              <a:gd name="connsiteY0" fmla="*/ 385851 h 1488454"/>
              <a:gd name="connsiteX1" fmla="*/ 647699 w 1313867"/>
              <a:gd name="connsiteY1" fmla="*/ 0 h 1488454"/>
              <a:gd name="connsiteX2" fmla="*/ 1313867 w 1313867"/>
              <a:gd name="connsiteY2" fmla="*/ 409576 h 1488454"/>
              <a:gd name="connsiteX3" fmla="*/ 1274619 w 1313867"/>
              <a:gd name="connsiteY3" fmla="*/ 1102607 h 1488454"/>
              <a:gd name="connsiteX4" fmla="*/ 656641 w 1313867"/>
              <a:gd name="connsiteY4" fmla="*/ 1488454 h 1488454"/>
              <a:gd name="connsiteX5" fmla="*/ 0 w 1313867"/>
              <a:gd name="connsiteY5" fmla="*/ 1086024 h 1488454"/>
              <a:gd name="connsiteX6" fmla="*/ 32104 w 1313867"/>
              <a:gd name="connsiteY6" fmla="*/ 385851 h 1488454"/>
              <a:gd name="connsiteX0" fmla="*/ 32104 w 1313867"/>
              <a:gd name="connsiteY0" fmla="*/ 385851 h 1488454"/>
              <a:gd name="connsiteX1" fmla="*/ 647699 w 1313867"/>
              <a:gd name="connsiteY1" fmla="*/ 0 h 1488454"/>
              <a:gd name="connsiteX2" fmla="*/ 1313867 w 1313867"/>
              <a:gd name="connsiteY2" fmla="*/ 397669 h 1488454"/>
              <a:gd name="connsiteX3" fmla="*/ 1274619 w 1313867"/>
              <a:gd name="connsiteY3" fmla="*/ 1102607 h 1488454"/>
              <a:gd name="connsiteX4" fmla="*/ 656641 w 1313867"/>
              <a:gd name="connsiteY4" fmla="*/ 1488454 h 1488454"/>
              <a:gd name="connsiteX5" fmla="*/ 0 w 1313867"/>
              <a:gd name="connsiteY5" fmla="*/ 1086024 h 1488454"/>
              <a:gd name="connsiteX6" fmla="*/ 32104 w 1313867"/>
              <a:gd name="connsiteY6" fmla="*/ 385851 h 1488454"/>
              <a:gd name="connsiteX0" fmla="*/ 32104 w 1329387"/>
              <a:gd name="connsiteY0" fmla="*/ 385851 h 1488454"/>
              <a:gd name="connsiteX1" fmla="*/ 647699 w 1329387"/>
              <a:gd name="connsiteY1" fmla="*/ 0 h 1488454"/>
              <a:gd name="connsiteX2" fmla="*/ 1313867 w 1329387"/>
              <a:gd name="connsiteY2" fmla="*/ 397669 h 1488454"/>
              <a:gd name="connsiteX3" fmla="*/ 1329387 w 1329387"/>
              <a:gd name="connsiteY3" fmla="*/ 1097844 h 1488454"/>
              <a:gd name="connsiteX4" fmla="*/ 656641 w 1329387"/>
              <a:gd name="connsiteY4" fmla="*/ 1488454 h 1488454"/>
              <a:gd name="connsiteX5" fmla="*/ 0 w 1329387"/>
              <a:gd name="connsiteY5" fmla="*/ 1086024 h 1488454"/>
              <a:gd name="connsiteX6" fmla="*/ 32104 w 1329387"/>
              <a:gd name="connsiteY6" fmla="*/ 385851 h 1488454"/>
              <a:gd name="connsiteX0" fmla="*/ 0 w 1297283"/>
              <a:gd name="connsiteY0" fmla="*/ 385851 h 1488454"/>
              <a:gd name="connsiteX1" fmla="*/ 615595 w 1297283"/>
              <a:gd name="connsiteY1" fmla="*/ 0 h 1488454"/>
              <a:gd name="connsiteX2" fmla="*/ 1281763 w 1297283"/>
              <a:gd name="connsiteY2" fmla="*/ 397669 h 1488454"/>
              <a:gd name="connsiteX3" fmla="*/ 1297283 w 1297283"/>
              <a:gd name="connsiteY3" fmla="*/ 1097844 h 1488454"/>
              <a:gd name="connsiteX4" fmla="*/ 624537 w 1297283"/>
              <a:gd name="connsiteY4" fmla="*/ 1488454 h 1488454"/>
              <a:gd name="connsiteX5" fmla="*/ 5996 w 1297283"/>
              <a:gd name="connsiteY5" fmla="*/ 1095549 h 1488454"/>
              <a:gd name="connsiteX6" fmla="*/ 0 w 1297283"/>
              <a:gd name="connsiteY6" fmla="*/ 385851 h 1488454"/>
              <a:gd name="connsiteX0" fmla="*/ 0 w 1281763"/>
              <a:gd name="connsiteY0" fmla="*/ 385851 h 1488454"/>
              <a:gd name="connsiteX1" fmla="*/ 615595 w 1281763"/>
              <a:gd name="connsiteY1" fmla="*/ 0 h 1488454"/>
              <a:gd name="connsiteX2" fmla="*/ 1281763 w 1281763"/>
              <a:gd name="connsiteY2" fmla="*/ 397669 h 1488454"/>
              <a:gd name="connsiteX3" fmla="*/ 1275851 w 1281763"/>
              <a:gd name="connsiteY3" fmla="*/ 1095463 h 1488454"/>
              <a:gd name="connsiteX4" fmla="*/ 624537 w 1281763"/>
              <a:gd name="connsiteY4" fmla="*/ 1488454 h 1488454"/>
              <a:gd name="connsiteX5" fmla="*/ 5996 w 1281763"/>
              <a:gd name="connsiteY5" fmla="*/ 1095549 h 1488454"/>
              <a:gd name="connsiteX6" fmla="*/ 0 w 1281763"/>
              <a:gd name="connsiteY6" fmla="*/ 385851 h 1488454"/>
              <a:gd name="connsiteX0" fmla="*/ 0 w 1281763"/>
              <a:gd name="connsiteY0" fmla="*/ 388233 h 1490836"/>
              <a:gd name="connsiteX1" fmla="*/ 622739 w 1281763"/>
              <a:gd name="connsiteY1" fmla="*/ 0 h 1490836"/>
              <a:gd name="connsiteX2" fmla="*/ 1281763 w 1281763"/>
              <a:gd name="connsiteY2" fmla="*/ 400051 h 1490836"/>
              <a:gd name="connsiteX3" fmla="*/ 1275851 w 1281763"/>
              <a:gd name="connsiteY3" fmla="*/ 1097845 h 1490836"/>
              <a:gd name="connsiteX4" fmla="*/ 624537 w 1281763"/>
              <a:gd name="connsiteY4" fmla="*/ 1490836 h 1490836"/>
              <a:gd name="connsiteX5" fmla="*/ 5996 w 1281763"/>
              <a:gd name="connsiteY5" fmla="*/ 1097931 h 1490836"/>
              <a:gd name="connsiteX6" fmla="*/ 0 w 1281763"/>
              <a:gd name="connsiteY6" fmla="*/ 388233 h 14908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81763" h="1490836">
                <a:moveTo>
                  <a:pt x="0" y="388233"/>
                </a:moveTo>
                <a:lnTo>
                  <a:pt x="622739" y="0"/>
                </a:lnTo>
                <a:lnTo>
                  <a:pt x="1281763" y="400051"/>
                </a:lnTo>
                <a:cubicBezTo>
                  <a:pt x="1279792" y="632649"/>
                  <a:pt x="1277822" y="865247"/>
                  <a:pt x="1275851" y="1097845"/>
                </a:cubicBezTo>
                <a:lnTo>
                  <a:pt x="624537" y="1490836"/>
                </a:lnTo>
                <a:lnTo>
                  <a:pt x="5996" y="1097931"/>
                </a:lnTo>
                <a:cubicBezTo>
                  <a:pt x="3997" y="861365"/>
                  <a:pt x="1999" y="624799"/>
                  <a:pt x="0" y="388233"/>
                </a:cubicBez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19" name="Picture Placeholder 2"/>
          <p:cNvSpPr>
            <a:spLocks noGrp="1"/>
          </p:cNvSpPr>
          <p:nvPr>
            <p:ph type="pic" idx="14" hasCustomPrompt="1"/>
          </p:nvPr>
        </p:nvSpPr>
        <p:spPr>
          <a:xfrm>
            <a:off x="7243611" y="1276575"/>
            <a:ext cx="1548000" cy="1800000"/>
          </a:xfrm>
          <a:custGeom>
            <a:avLst/>
            <a:gdLst>
              <a:gd name="connsiteX0" fmla="*/ 0 w 1440160"/>
              <a:gd name="connsiteY0" fmla="*/ 626356 h 1252711"/>
              <a:gd name="connsiteX1" fmla="*/ 313178 w 1440160"/>
              <a:gd name="connsiteY1" fmla="*/ 0 h 1252711"/>
              <a:gd name="connsiteX2" fmla="*/ 1126982 w 1440160"/>
              <a:gd name="connsiteY2" fmla="*/ 0 h 1252711"/>
              <a:gd name="connsiteX3" fmla="*/ 1440160 w 1440160"/>
              <a:gd name="connsiteY3" fmla="*/ 626356 h 1252711"/>
              <a:gd name="connsiteX4" fmla="*/ 1126982 w 1440160"/>
              <a:gd name="connsiteY4" fmla="*/ 1252711 h 1252711"/>
              <a:gd name="connsiteX5" fmla="*/ 313178 w 1440160"/>
              <a:gd name="connsiteY5" fmla="*/ 1252711 h 1252711"/>
              <a:gd name="connsiteX6" fmla="*/ 0 w 1440160"/>
              <a:gd name="connsiteY6" fmla="*/ 626356 h 1252711"/>
              <a:gd name="connsiteX0" fmla="*/ 0 w 1440160"/>
              <a:gd name="connsiteY0" fmla="*/ 745419 h 1371774"/>
              <a:gd name="connsiteX1" fmla="*/ 679890 w 1440160"/>
              <a:gd name="connsiteY1" fmla="*/ 0 h 1371774"/>
              <a:gd name="connsiteX2" fmla="*/ 1126982 w 1440160"/>
              <a:gd name="connsiteY2" fmla="*/ 119063 h 1371774"/>
              <a:gd name="connsiteX3" fmla="*/ 1440160 w 1440160"/>
              <a:gd name="connsiteY3" fmla="*/ 745419 h 1371774"/>
              <a:gd name="connsiteX4" fmla="*/ 1126982 w 1440160"/>
              <a:gd name="connsiteY4" fmla="*/ 1371774 h 1371774"/>
              <a:gd name="connsiteX5" fmla="*/ 313178 w 1440160"/>
              <a:gd name="connsiteY5" fmla="*/ 1371774 h 1371774"/>
              <a:gd name="connsiteX6" fmla="*/ 0 w 1440160"/>
              <a:gd name="connsiteY6" fmla="*/ 745419 h 1371774"/>
              <a:gd name="connsiteX0" fmla="*/ 0 w 1440160"/>
              <a:gd name="connsiteY0" fmla="*/ 745419 h 1371774"/>
              <a:gd name="connsiteX1" fmla="*/ 679890 w 1440160"/>
              <a:gd name="connsiteY1" fmla="*/ 0 h 1371774"/>
              <a:gd name="connsiteX2" fmla="*/ 1379395 w 1440160"/>
              <a:gd name="connsiteY2" fmla="*/ 409576 h 1371774"/>
              <a:gd name="connsiteX3" fmla="*/ 1440160 w 1440160"/>
              <a:gd name="connsiteY3" fmla="*/ 745419 h 1371774"/>
              <a:gd name="connsiteX4" fmla="*/ 1126982 w 1440160"/>
              <a:gd name="connsiteY4" fmla="*/ 1371774 h 1371774"/>
              <a:gd name="connsiteX5" fmla="*/ 313178 w 1440160"/>
              <a:gd name="connsiteY5" fmla="*/ 1371774 h 1371774"/>
              <a:gd name="connsiteX6" fmla="*/ 0 w 1440160"/>
              <a:gd name="connsiteY6" fmla="*/ 745419 h 1371774"/>
              <a:gd name="connsiteX0" fmla="*/ 0 w 1379395"/>
              <a:gd name="connsiteY0" fmla="*/ 745419 h 1371774"/>
              <a:gd name="connsiteX1" fmla="*/ 679890 w 1379395"/>
              <a:gd name="connsiteY1" fmla="*/ 0 h 1371774"/>
              <a:gd name="connsiteX2" fmla="*/ 1379395 w 1379395"/>
              <a:gd name="connsiteY2" fmla="*/ 409576 h 1371774"/>
              <a:gd name="connsiteX3" fmla="*/ 1340147 w 1379395"/>
              <a:gd name="connsiteY3" fmla="*/ 1102607 h 1371774"/>
              <a:gd name="connsiteX4" fmla="*/ 1126982 w 1379395"/>
              <a:gd name="connsiteY4" fmla="*/ 1371774 h 1371774"/>
              <a:gd name="connsiteX5" fmla="*/ 313178 w 1379395"/>
              <a:gd name="connsiteY5" fmla="*/ 1371774 h 1371774"/>
              <a:gd name="connsiteX6" fmla="*/ 0 w 1379395"/>
              <a:gd name="connsiteY6" fmla="*/ 745419 h 1371774"/>
              <a:gd name="connsiteX0" fmla="*/ 0 w 1379395"/>
              <a:gd name="connsiteY0" fmla="*/ 745419 h 1483692"/>
              <a:gd name="connsiteX1" fmla="*/ 679890 w 1379395"/>
              <a:gd name="connsiteY1" fmla="*/ 0 h 1483692"/>
              <a:gd name="connsiteX2" fmla="*/ 1379395 w 1379395"/>
              <a:gd name="connsiteY2" fmla="*/ 409576 h 1483692"/>
              <a:gd name="connsiteX3" fmla="*/ 1340147 w 1379395"/>
              <a:gd name="connsiteY3" fmla="*/ 1102607 h 1483692"/>
              <a:gd name="connsiteX4" fmla="*/ 757888 w 1379395"/>
              <a:gd name="connsiteY4" fmla="*/ 1483692 h 1483692"/>
              <a:gd name="connsiteX5" fmla="*/ 313178 w 1379395"/>
              <a:gd name="connsiteY5" fmla="*/ 1371774 h 1483692"/>
              <a:gd name="connsiteX6" fmla="*/ 0 w 1379395"/>
              <a:gd name="connsiteY6" fmla="*/ 745419 h 1483692"/>
              <a:gd name="connsiteX0" fmla="*/ 0 w 1379395"/>
              <a:gd name="connsiteY0" fmla="*/ 745419 h 1483692"/>
              <a:gd name="connsiteX1" fmla="*/ 679890 w 1379395"/>
              <a:gd name="connsiteY1" fmla="*/ 0 h 1483692"/>
              <a:gd name="connsiteX2" fmla="*/ 1379395 w 1379395"/>
              <a:gd name="connsiteY2" fmla="*/ 409576 h 1483692"/>
              <a:gd name="connsiteX3" fmla="*/ 1340147 w 1379395"/>
              <a:gd name="connsiteY3" fmla="*/ 1102607 h 1483692"/>
              <a:gd name="connsiteX4" fmla="*/ 757888 w 1379395"/>
              <a:gd name="connsiteY4" fmla="*/ 1483692 h 1483692"/>
              <a:gd name="connsiteX5" fmla="*/ 65528 w 1379395"/>
              <a:gd name="connsiteY5" fmla="*/ 1086024 h 1483692"/>
              <a:gd name="connsiteX6" fmla="*/ 0 w 1379395"/>
              <a:gd name="connsiteY6" fmla="*/ 745419 h 1483692"/>
              <a:gd name="connsiteX0" fmla="*/ 32104 w 1313867"/>
              <a:gd name="connsiteY0" fmla="*/ 385851 h 1483692"/>
              <a:gd name="connsiteX1" fmla="*/ 614362 w 1313867"/>
              <a:gd name="connsiteY1" fmla="*/ 0 h 1483692"/>
              <a:gd name="connsiteX2" fmla="*/ 1313867 w 1313867"/>
              <a:gd name="connsiteY2" fmla="*/ 409576 h 1483692"/>
              <a:gd name="connsiteX3" fmla="*/ 1274619 w 1313867"/>
              <a:gd name="connsiteY3" fmla="*/ 1102607 h 1483692"/>
              <a:gd name="connsiteX4" fmla="*/ 692360 w 1313867"/>
              <a:gd name="connsiteY4" fmla="*/ 1483692 h 1483692"/>
              <a:gd name="connsiteX5" fmla="*/ 0 w 1313867"/>
              <a:gd name="connsiteY5" fmla="*/ 1086024 h 1483692"/>
              <a:gd name="connsiteX6" fmla="*/ 32104 w 1313867"/>
              <a:gd name="connsiteY6" fmla="*/ 385851 h 1483692"/>
              <a:gd name="connsiteX0" fmla="*/ 32104 w 1313867"/>
              <a:gd name="connsiteY0" fmla="*/ 385851 h 1483692"/>
              <a:gd name="connsiteX1" fmla="*/ 647699 w 1313867"/>
              <a:gd name="connsiteY1" fmla="*/ 0 h 1483692"/>
              <a:gd name="connsiteX2" fmla="*/ 1313867 w 1313867"/>
              <a:gd name="connsiteY2" fmla="*/ 409576 h 1483692"/>
              <a:gd name="connsiteX3" fmla="*/ 1274619 w 1313867"/>
              <a:gd name="connsiteY3" fmla="*/ 1102607 h 1483692"/>
              <a:gd name="connsiteX4" fmla="*/ 692360 w 1313867"/>
              <a:gd name="connsiteY4" fmla="*/ 1483692 h 1483692"/>
              <a:gd name="connsiteX5" fmla="*/ 0 w 1313867"/>
              <a:gd name="connsiteY5" fmla="*/ 1086024 h 1483692"/>
              <a:gd name="connsiteX6" fmla="*/ 32104 w 1313867"/>
              <a:gd name="connsiteY6" fmla="*/ 385851 h 1483692"/>
              <a:gd name="connsiteX0" fmla="*/ 32104 w 1313867"/>
              <a:gd name="connsiteY0" fmla="*/ 385851 h 1488454"/>
              <a:gd name="connsiteX1" fmla="*/ 647699 w 1313867"/>
              <a:gd name="connsiteY1" fmla="*/ 0 h 1488454"/>
              <a:gd name="connsiteX2" fmla="*/ 1313867 w 1313867"/>
              <a:gd name="connsiteY2" fmla="*/ 409576 h 1488454"/>
              <a:gd name="connsiteX3" fmla="*/ 1274619 w 1313867"/>
              <a:gd name="connsiteY3" fmla="*/ 1102607 h 1488454"/>
              <a:gd name="connsiteX4" fmla="*/ 656641 w 1313867"/>
              <a:gd name="connsiteY4" fmla="*/ 1488454 h 1488454"/>
              <a:gd name="connsiteX5" fmla="*/ 0 w 1313867"/>
              <a:gd name="connsiteY5" fmla="*/ 1086024 h 1488454"/>
              <a:gd name="connsiteX6" fmla="*/ 32104 w 1313867"/>
              <a:gd name="connsiteY6" fmla="*/ 385851 h 1488454"/>
              <a:gd name="connsiteX0" fmla="*/ 32104 w 1313867"/>
              <a:gd name="connsiteY0" fmla="*/ 385851 h 1488454"/>
              <a:gd name="connsiteX1" fmla="*/ 647699 w 1313867"/>
              <a:gd name="connsiteY1" fmla="*/ 0 h 1488454"/>
              <a:gd name="connsiteX2" fmla="*/ 1313867 w 1313867"/>
              <a:gd name="connsiteY2" fmla="*/ 397669 h 1488454"/>
              <a:gd name="connsiteX3" fmla="*/ 1274619 w 1313867"/>
              <a:gd name="connsiteY3" fmla="*/ 1102607 h 1488454"/>
              <a:gd name="connsiteX4" fmla="*/ 656641 w 1313867"/>
              <a:gd name="connsiteY4" fmla="*/ 1488454 h 1488454"/>
              <a:gd name="connsiteX5" fmla="*/ 0 w 1313867"/>
              <a:gd name="connsiteY5" fmla="*/ 1086024 h 1488454"/>
              <a:gd name="connsiteX6" fmla="*/ 32104 w 1313867"/>
              <a:gd name="connsiteY6" fmla="*/ 385851 h 1488454"/>
              <a:gd name="connsiteX0" fmla="*/ 32104 w 1329387"/>
              <a:gd name="connsiteY0" fmla="*/ 385851 h 1488454"/>
              <a:gd name="connsiteX1" fmla="*/ 647699 w 1329387"/>
              <a:gd name="connsiteY1" fmla="*/ 0 h 1488454"/>
              <a:gd name="connsiteX2" fmla="*/ 1313867 w 1329387"/>
              <a:gd name="connsiteY2" fmla="*/ 397669 h 1488454"/>
              <a:gd name="connsiteX3" fmla="*/ 1329387 w 1329387"/>
              <a:gd name="connsiteY3" fmla="*/ 1097844 h 1488454"/>
              <a:gd name="connsiteX4" fmla="*/ 656641 w 1329387"/>
              <a:gd name="connsiteY4" fmla="*/ 1488454 h 1488454"/>
              <a:gd name="connsiteX5" fmla="*/ 0 w 1329387"/>
              <a:gd name="connsiteY5" fmla="*/ 1086024 h 1488454"/>
              <a:gd name="connsiteX6" fmla="*/ 32104 w 1329387"/>
              <a:gd name="connsiteY6" fmla="*/ 385851 h 1488454"/>
              <a:gd name="connsiteX0" fmla="*/ 0 w 1297283"/>
              <a:gd name="connsiteY0" fmla="*/ 385851 h 1488454"/>
              <a:gd name="connsiteX1" fmla="*/ 615595 w 1297283"/>
              <a:gd name="connsiteY1" fmla="*/ 0 h 1488454"/>
              <a:gd name="connsiteX2" fmla="*/ 1281763 w 1297283"/>
              <a:gd name="connsiteY2" fmla="*/ 397669 h 1488454"/>
              <a:gd name="connsiteX3" fmla="*/ 1297283 w 1297283"/>
              <a:gd name="connsiteY3" fmla="*/ 1097844 h 1488454"/>
              <a:gd name="connsiteX4" fmla="*/ 624537 w 1297283"/>
              <a:gd name="connsiteY4" fmla="*/ 1488454 h 1488454"/>
              <a:gd name="connsiteX5" fmla="*/ 5996 w 1297283"/>
              <a:gd name="connsiteY5" fmla="*/ 1095549 h 1488454"/>
              <a:gd name="connsiteX6" fmla="*/ 0 w 1297283"/>
              <a:gd name="connsiteY6" fmla="*/ 385851 h 1488454"/>
              <a:gd name="connsiteX0" fmla="*/ 0 w 1281763"/>
              <a:gd name="connsiteY0" fmla="*/ 385851 h 1488454"/>
              <a:gd name="connsiteX1" fmla="*/ 615595 w 1281763"/>
              <a:gd name="connsiteY1" fmla="*/ 0 h 1488454"/>
              <a:gd name="connsiteX2" fmla="*/ 1281763 w 1281763"/>
              <a:gd name="connsiteY2" fmla="*/ 397669 h 1488454"/>
              <a:gd name="connsiteX3" fmla="*/ 1275851 w 1281763"/>
              <a:gd name="connsiteY3" fmla="*/ 1095463 h 1488454"/>
              <a:gd name="connsiteX4" fmla="*/ 624537 w 1281763"/>
              <a:gd name="connsiteY4" fmla="*/ 1488454 h 1488454"/>
              <a:gd name="connsiteX5" fmla="*/ 5996 w 1281763"/>
              <a:gd name="connsiteY5" fmla="*/ 1095549 h 1488454"/>
              <a:gd name="connsiteX6" fmla="*/ 0 w 1281763"/>
              <a:gd name="connsiteY6" fmla="*/ 385851 h 1488454"/>
              <a:gd name="connsiteX0" fmla="*/ 0 w 1281763"/>
              <a:gd name="connsiteY0" fmla="*/ 388233 h 1490836"/>
              <a:gd name="connsiteX1" fmla="*/ 622739 w 1281763"/>
              <a:gd name="connsiteY1" fmla="*/ 0 h 1490836"/>
              <a:gd name="connsiteX2" fmla="*/ 1281763 w 1281763"/>
              <a:gd name="connsiteY2" fmla="*/ 400051 h 1490836"/>
              <a:gd name="connsiteX3" fmla="*/ 1275851 w 1281763"/>
              <a:gd name="connsiteY3" fmla="*/ 1097845 h 1490836"/>
              <a:gd name="connsiteX4" fmla="*/ 624537 w 1281763"/>
              <a:gd name="connsiteY4" fmla="*/ 1490836 h 1490836"/>
              <a:gd name="connsiteX5" fmla="*/ 5996 w 1281763"/>
              <a:gd name="connsiteY5" fmla="*/ 1097931 h 1490836"/>
              <a:gd name="connsiteX6" fmla="*/ 0 w 1281763"/>
              <a:gd name="connsiteY6" fmla="*/ 388233 h 14908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81763" h="1490836">
                <a:moveTo>
                  <a:pt x="0" y="388233"/>
                </a:moveTo>
                <a:lnTo>
                  <a:pt x="622739" y="0"/>
                </a:lnTo>
                <a:lnTo>
                  <a:pt x="1281763" y="400051"/>
                </a:lnTo>
                <a:cubicBezTo>
                  <a:pt x="1279792" y="632649"/>
                  <a:pt x="1277822" y="865247"/>
                  <a:pt x="1275851" y="1097845"/>
                </a:cubicBezTo>
                <a:lnTo>
                  <a:pt x="624537" y="1490836"/>
                </a:lnTo>
                <a:lnTo>
                  <a:pt x="5996" y="1097931"/>
                </a:lnTo>
                <a:cubicBezTo>
                  <a:pt x="3997" y="861365"/>
                  <a:pt x="1999" y="624799"/>
                  <a:pt x="0" y="388233"/>
                </a:cubicBez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  <p:sp>
        <p:nvSpPr>
          <p:cNvPr id="20" name="Picture Placeholder 2"/>
          <p:cNvSpPr>
            <a:spLocks noGrp="1"/>
          </p:cNvSpPr>
          <p:nvPr>
            <p:ph type="pic" idx="15" hasCustomPrompt="1"/>
          </p:nvPr>
        </p:nvSpPr>
        <p:spPr>
          <a:xfrm>
            <a:off x="5515419" y="1276575"/>
            <a:ext cx="1548000" cy="1800000"/>
          </a:xfrm>
          <a:custGeom>
            <a:avLst/>
            <a:gdLst>
              <a:gd name="connsiteX0" fmla="*/ 0 w 1440160"/>
              <a:gd name="connsiteY0" fmla="*/ 626356 h 1252711"/>
              <a:gd name="connsiteX1" fmla="*/ 313178 w 1440160"/>
              <a:gd name="connsiteY1" fmla="*/ 0 h 1252711"/>
              <a:gd name="connsiteX2" fmla="*/ 1126982 w 1440160"/>
              <a:gd name="connsiteY2" fmla="*/ 0 h 1252711"/>
              <a:gd name="connsiteX3" fmla="*/ 1440160 w 1440160"/>
              <a:gd name="connsiteY3" fmla="*/ 626356 h 1252711"/>
              <a:gd name="connsiteX4" fmla="*/ 1126982 w 1440160"/>
              <a:gd name="connsiteY4" fmla="*/ 1252711 h 1252711"/>
              <a:gd name="connsiteX5" fmla="*/ 313178 w 1440160"/>
              <a:gd name="connsiteY5" fmla="*/ 1252711 h 1252711"/>
              <a:gd name="connsiteX6" fmla="*/ 0 w 1440160"/>
              <a:gd name="connsiteY6" fmla="*/ 626356 h 1252711"/>
              <a:gd name="connsiteX0" fmla="*/ 0 w 1440160"/>
              <a:gd name="connsiteY0" fmla="*/ 745419 h 1371774"/>
              <a:gd name="connsiteX1" fmla="*/ 679890 w 1440160"/>
              <a:gd name="connsiteY1" fmla="*/ 0 h 1371774"/>
              <a:gd name="connsiteX2" fmla="*/ 1126982 w 1440160"/>
              <a:gd name="connsiteY2" fmla="*/ 119063 h 1371774"/>
              <a:gd name="connsiteX3" fmla="*/ 1440160 w 1440160"/>
              <a:gd name="connsiteY3" fmla="*/ 745419 h 1371774"/>
              <a:gd name="connsiteX4" fmla="*/ 1126982 w 1440160"/>
              <a:gd name="connsiteY4" fmla="*/ 1371774 h 1371774"/>
              <a:gd name="connsiteX5" fmla="*/ 313178 w 1440160"/>
              <a:gd name="connsiteY5" fmla="*/ 1371774 h 1371774"/>
              <a:gd name="connsiteX6" fmla="*/ 0 w 1440160"/>
              <a:gd name="connsiteY6" fmla="*/ 745419 h 1371774"/>
              <a:gd name="connsiteX0" fmla="*/ 0 w 1440160"/>
              <a:gd name="connsiteY0" fmla="*/ 745419 h 1371774"/>
              <a:gd name="connsiteX1" fmla="*/ 679890 w 1440160"/>
              <a:gd name="connsiteY1" fmla="*/ 0 h 1371774"/>
              <a:gd name="connsiteX2" fmla="*/ 1379395 w 1440160"/>
              <a:gd name="connsiteY2" fmla="*/ 409576 h 1371774"/>
              <a:gd name="connsiteX3" fmla="*/ 1440160 w 1440160"/>
              <a:gd name="connsiteY3" fmla="*/ 745419 h 1371774"/>
              <a:gd name="connsiteX4" fmla="*/ 1126982 w 1440160"/>
              <a:gd name="connsiteY4" fmla="*/ 1371774 h 1371774"/>
              <a:gd name="connsiteX5" fmla="*/ 313178 w 1440160"/>
              <a:gd name="connsiteY5" fmla="*/ 1371774 h 1371774"/>
              <a:gd name="connsiteX6" fmla="*/ 0 w 1440160"/>
              <a:gd name="connsiteY6" fmla="*/ 745419 h 1371774"/>
              <a:gd name="connsiteX0" fmla="*/ 0 w 1379395"/>
              <a:gd name="connsiteY0" fmla="*/ 745419 h 1371774"/>
              <a:gd name="connsiteX1" fmla="*/ 679890 w 1379395"/>
              <a:gd name="connsiteY1" fmla="*/ 0 h 1371774"/>
              <a:gd name="connsiteX2" fmla="*/ 1379395 w 1379395"/>
              <a:gd name="connsiteY2" fmla="*/ 409576 h 1371774"/>
              <a:gd name="connsiteX3" fmla="*/ 1340147 w 1379395"/>
              <a:gd name="connsiteY3" fmla="*/ 1102607 h 1371774"/>
              <a:gd name="connsiteX4" fmla="*/ 1126982 w 1379395"/>
              <a:gd name="connsiteY4" fmla="*/ 1371774 h 1371774"/>
              <a:gd name="connsiteX5" fmla="*/ 313178 w 1379395"/>
              <a:gd name="connsiteY5" fmla="*/ 1371774 h 1371774"/>
              <a:gd name="connsiteX6" fmla="*/ 0 w 1379395"/>
              <a:gd name="connsiteY6" fmla="*/ 745419 h 1371774"/>
              <a:gd name="connsiteX0" fmla="*/ 0 w 1379395"/>
              <a:gd name="connsiteY0" fmla="*/ 745419 h 1483692"/>
              <a:gd name="connsiteX1" fmla="*/ 679890 w 1379395"/>
              <a:gd name="connsiteY1" fmla="*/ 0 h 1483692"/>
              <a:gd name="connsiteX2" fmla="*/ 1379395 w 1379395"/>
              <a:gd name="connsiteY2" fmla="*/ 409576 h 1483692"/>
              <a:gd name="connsiteX3" fmla="*/ 1340147 w 1379395"/>
              <a:gd name="connsiteY3" fmla="*/ 1102607 h 1483692"/>
              <a:gd name="connsiteX4" fmla="*/ 757888 w 1379395"/>
              <a:gd name="connsiteY4" fmla="*/ 1483692 h 1483692"/>
              <a:gd name="connsiteX5" fmla="*/ 313178 w 1379395"/>
              <a:gd name="connsiteY5" fmla="*/ 1371774 h 1483692"/>
              <a:gd name="connsiteX6" fmla="*/ 0 w 1379395"/>
              <a:gd name="connsiteY6" fmla="*/ 745419 h 1483692"/>
              <a:gd name="connsiteX0" fmla="*/ 0 w 1379395"/>
              <a:gd name="connsiteY0" fmla="*/ 745419 h 1483692"/>
              <a:gd name="connsiteX1" fmla="*/ 679890 w 1379395"/>
              <a:gd name="connsiteY1" fmla="*/ 0 h 1483692"/>
              <a:gd name="connsiteX2" fmla="*/ 1379395 w 1379395"/>
              <a:gd name="connsiteY2" fmla="*/ 409576 h 1483692"/>
              <a:gd name="connsiteX3" fmla="*/ 1340147 w 1379395"/>
              <a:gd name="connsiteY3" fmla="*/ 1102607 h 1483692"/>
              <a:gd name="connsiteX4" fmla="*/ 757888 w 1379395"/>
              <a:gd name="connsiteY4" fmla="*/ 1483692 h 1483692"/>
              <a:gd name="connsiteX5" fmla="*/ 65528 w 1379395"/>
              <a:gd name="connsiteY5" fmla="*/ 1086024 h 1483692"/>
              <a:gd name="connsiteX6" fmla="*/ 0 w 1379395"/>
              <a:gd name="connsiteY6" fmla="*/ 745419 h 1483692"/>
              <a:gd name="connsiteX0" fmla="*/ 32104 w 1313867"/>
              <a:gd name="connsiteY0" fmla="*/ 385851 h 1483692"/>
              <a:gd name="connsiteX1" fmla="*/ 614362 w 1313867"/>
              <a:gd name="connsiteY1" fmla="*/ 0 h 1483692"/>
              <a:gd name="connsiteX2" fmla="*/ 1313867 w 1313867"/>
              <a:gd name="connsiteY2" fmla="*/ 409576 h 1483692"/>
              <a:gd name="connsiteX3" fmla="*/ 1274619 w 1313867"/>
              <a:gd name="connsiteY3" fmla="*/ 1102607 h 1483692"/>
              <a:gd name="connsiteX4" fmla="*/ 692360 w 1313867"/>
              <a:gd name="connsiteY4" fmla="*/ 1483692 h 1483692"/>
              <a:gd name="connsiteX5" fmla="*/ 0 w 1313867"/>
              <a:gd name="connsiteY5" fmla="*/ 1086024 h 1483692"/>
              <a:gd name="connsiteX6" fmla="*/ 32104 w 1313867"/>
              <a:gd name="connsiteY6" fmla="*/ 385851 h 1483692"/>
              <a:gd name="connsiteX0" fmla="*/ 32104 w 1313867"/>
              <a:gd name="connsiteY0" fmla="*/ 385851 h 1483692"/>
              <a:gd name="connsiteX1" fmla="*/ 647699 w 1313867"/>
              <a:gd name="connsiteY1" fmla="*/ 0 h 1483692"/>
              <a:gd name="connsiteX2" fmla="*/ 1313867 w 1313867"/>
              <a:gd name="connsiteY2" fmla="*/ 409576 h 1483692"/>
              <a:gd name="connsiteX3" fmla="*/ 1274619 w 1313867"/>
              <a:gd name="connsiteY3" fmla="*/ 1102607 h 1483692"/>
              <a:gd name="connsiteX4" fmla="*/ 692360 w 1313867"/>
              <a:gd name="connsiteY4" fmla="*/ 1483692 h 1483692"/>
              <a:gd name="connsiteX5" fmla="*/ 0 w 1313867"/>
              <a:gd name="connsiteY5" fmla="*/ 1086024 h 1483692"/>
              <a:gd name="connsiteX6" fmla="*/ 32104 w 1313867"/>
              <a:gd name="connsiteY6" fmla="*/ 385851 h 1483692"/>
              <a:gd name="connsiteX0" fmla="*/ 32104 w 1313867"/>
              <a:gd name="connsiteY0" fmla="*/ 385851 h 1488454"/>
              <a:gd name="connsiteX1" fmla="*/ 647699 w 1313867"/>
              <a:gd name="connsiteY1" fmla="*/ 0 h 1488454"/>
              <a:gd name="connsiteX2" fmla="*/ 1313867 w 1313867"/>
              <a:gd name="connsiteY2" fmla="*/ 409576 h 1488454"/>
              <a:gd name="connsiteX3" fmla="*/ 1274619 w 1313867"/>
              <a:gd name="connsiteY3" fmla="*/ 1102607 h 1488454"/>
              <a:gd name="connsiteX4" fmla="*/ 656641 w 1313867"/>
              <a:gd name="connsiteY4" fmla="*/ 1488454 h 1488454"/>
              <a:gd name="connsiteX5" fmla="*/ 0 w 1313867"/>
              <a:gd name="connsiteY5" fmla="*/ 1086024 h 1488454"/>
              <a:gd name="connsiteX6" fmla="*/ 32104 w 1313867"/>
              <a:gd name="connsiteY6" fmla="*/ 385851 h 1488454"/>
              <a:gd name="connsiteX0" fmla="*/ 32104 w 1313867"/>
              <a:gd name="connsiteY0" fmla="*/ 385851 h 1488454"/>
              <a:gd name="connsiteX1" fmla="*/ 647699 w 1313867"/>
              <a:gd name="connsiteY1" fmla="*/ 0 h 1488454"/>
              <a:gd name="connsiteX2" fmla="*/ 1313867 w 1313867"/>
              <a:gd name="connsiteY2" fmla="*/ 397669 h 1488454"/>
              <a:gd name="connsiteX3" fmla="*/ 1274619 w 1313867"/>
              <a:gd name="connsiteY3" fmla="*/ 1102607 h 1488454"/>
              <a:gd name="connsiteX4" fmla="*/ 656641 w 1313867"/>
              <a:gd name="connsiteY4" fmla="*/ 1488454 h 1488454"/>
              <a:gd name="connsiteX5" fmla="*/ 0 w 1313867"/>
              <a:gd name="connsiteY5" fmla="*/ 1086024 h 1488454"/>
              <a:gd name="connsiteX6" fmla="*/ 32104 w 1313867"/>
              <a:gd name="connsiteY6" fmla="*/ 385851 h 1488454"/>
              <a:gd name="connsiteX0" fmla="*/ 32104 w 1329387"/>
              <a:gd name="connsiteY0" fmla="*/ 385851 h 1488454"/>
              <a:gd name="connsiteX1" fmla="*/ 647699 w 1329387"/>
              <a:gd name="connsiteY1" fmla="*/ 0 h 1488454"/>
              <a:gd name="connsiteX2" fmla="*/ 1313867 w 1329387"/>
              <a:gd name="connsiteY2" fmla="*/ 397669 h 1488454"/>
              <a:gd name="connsiteX3" fmla="*/ 1329387 w 1329387"/>
              <a:gd name="connsiteY3" fmla="*/ 1097844 h 1488454"/>
              <a:gd name="connsiteX4" fmla="*/ 656641 w 1329387"/>
              <a:gd name="connsiteY4" fmla="*/ 1488454 h 1488454"/>
              <a:gd name="connsiteX5" fmla="*/ 0 w 1329387"/>
              <a:gd name="connsiteY5" fmla="*/ 1086024 h 1488454"/>
              <a:gd name="connsiteX6" fmla="*/ 32104 w 1329387"/>
              <a:gd name="connsiteY6" fmla="*/ 385851 h 1488454"/>
              <a:gd name="connsiteX0" fmla="*/ 0 w 1297283"/>
              <a:gd name="connsiteY0" fmla="*/ 385851 h 1488454"/>
              <a:gd name="connsiteX1" fmla="*/ 615595 w 1297283"/>
              <a:gd name="connsiteY1" fmla="*/ 0 h 1488454"/>
              <a:gd name="connsiteX2" fmla="*/ 1281763 w 1297283"/>
              <a:gd name="connsiteY2" fmla="*/ 397669 h 1488454"/>
              <a:gd name="connsiteX3" fmla="*/ 1297283 w 1297283"/>
              <a:gd name="connsiteY3" fmla="*/ 1097844 h 1488454"/>
              <a:gd name="connsiteX4" fmla="*/ 624537 w 1297283"/>
              <a:gd name="connsiteY4" fmla="*/ 1488454 h 1488454"/>
              <a:gd name="connsiteX5" fmla="*/ 5996 w 1297283"/>
              <a:gd name="connsiteY5" fmla="*/ 1095549 h 1488454"/>
              <a:gd name="connsiteX6" fmla="*/ 0 w 1297283"/>
              <a:gd name="connsiteY6" fmla="*/ 385851 h 1488454"/>
              <a:gd name="connsiteX0" fmla="*/ 0 w 1281763"/>
              <a:gd name="connsiteY0" fmla="*/ 385851 h 1488454"/>
              <a:gd name="connsiteX1" fmla="*/ 615595 w 1281763"/>
              <a:gd name="connsiteY1" fmla="*/ 0 h 1488454"/>
              <a:gd name="connsiteX2" fmla="*/ 1281763 w 1281763"/>
              <a:gd name="connsiteY2" fmla="*/ 397669 h 1488454"/>
              <a:gd name="connsiteX3" fmla="*/ 1275851 w 1281763"/>
              <a:gd name="connsiteY3" fmla="*/ 1095463 h 1488454"/>
              <a:gd name="connsiteX4" fmla="*/ 624537 w 1281763"/>
              <a:gd name="connsiteY4" fmla="*/ 1488454 h 1488454"/>
              <a:gd name="connsiteX5" fmla="*/ 5996 w 1281763"/>
              <a:gd name="connsiteY5" fmla="*/ 1095549 h 1488454"/>
              <a:gd name="connsiteX6" fmla="*/ 0 w 1281763"/>
              <a:gd name="connsiteY6" fmla="*/ 385851 h 1488454"/>
              <a:gd name="connsiteX0" fmla="*/ 0 w 1281763"/>
              <a:gd name="connsiteY0" fmla="*/ 388233 h 1490836"/>
              <a:gd name="connsiteX1" fmla="*/ 622739 w 1281763"/>
              <a:gd name="connsiteY1" fmla="*/ 0 h 1490836"/>
              <a:gd name="connsiteX2" fmla="*/ 1281763 w 1281763"/>
              <a:gd name="connsiteY2" fmla="*/ 400051 h 1490836"/>
              <a:gd name="connsiteX3" fmla="*/ 1275851 w 1281763"/>
              <a:gd name="connsiteY3" fmla="*/ 1097845 h 1490836"/>
              <a:gd name="connsiteX4" fmla="*/ 624537 w 1281763"/>
              <a:gd name="connsiteY4" fmla="*/ 1490836 h 1490836"/>
              <a:gd name="connsiteX5" fmla="*/ 5996 w 1281763"/>
              <a:gd name="connsiteY5" fmla="*/ 1097931 h 1490836"/>
              <a:gd name="connsiteX6" fmla="*/ 0 w 1281763"/>
              <a:gd name="connsiteY6" fmla="*/ 388233 h 149083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</a:cxnLst>
            <a:rect l="l" t="t" r="r" b="b"/>
            <a:pathLst>
              <a:path w="1281763" h="1490836">
                <a:moveTo>
                  <a:pt x="0" y="388233"/>
                </a:moveTo>
                <a:lnTo>
                  <a:pt x="622739" y="0"/>
                </a:lnTo>
                <a:lnTo>
                  <a:pt x="1281763" y="400051"/>
                </a:lnTo>
                <a:cubicBezTo>
                  <a:pt x="1279792" y="632649"/>
                  <a:pt x="1277822" y="865247"/>
                  <a:pt x="1275851" y="1097845"/>
                </a:cubicBezTo>
                <a:lnTo>
                  <a:pt x="624537" y="1490836"/>
                </a:lnTo>
                <a:lnTo>
                  <a:pt x="5996" y="1097931"/>
                </a:lnTo>
                <a:cubicBezTo>
                  <a:pt x="3997" y="861365"/>
                  <a:pt x="1999" y="624799"/>
                  <a:pt x="0" y="388233"/>
                </a:cubicBezTo>
                <a:close/>
              </a:path>
            </a:pathLst>
          </a:cu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321933089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Images and Contents Layout">
    <p:bg>
      <p:bgPr>
        <a:solidFill>
          <a:schemeClr val="accent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0" y="123478"/>
            <a:ext cx="9144000" cy="576064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36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j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MAGES &amp; CONTENTS</a:t>
            </a:r>
          </a:p>
        </p:txBody>
      </p:sp>
      <p:sp>
        <p:nvSpPr>
          <p:cNvPr id="11" name="Text Placeholder 9"/>
          <p:cNvSpPr>
            <a:spLocks noGrp="1"/>
          </p:cNvSpPr>
          <p:nvPr>
            <p:ph type="body" sz="quarter" idx="11" hasCustomPrompt="1"/>
          </p:nvPr>
        </p:nvSpPr>
        <p:spPr>
          <a:xfrm>
            <a:off x="0" y="699542"/>
            <a:ext cx="9144000" cy="288032"/>
          </a:xfrm>
          <a:prstGeom prst="rect">
            <a:avLst/>
          </a:prstGeom>
        </p:spPr>
        <p:txBody>
          <a:bodyPr anchor="ctr"/>
          <a:lstStyle>
            <a:lvl1pPr marL="0" indent="0" algn="ctr">
              <a:buNone/>
              <a:defRPr sz="1400" b="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</a:lstStyle>
          <a:p>
            <a:pPr lvl="0"/>
            <a:r>
              <a:rPr lang="en-US" altLang="ko-KR" dirty="0"/>
              <a:t>Insert the title of your subtitle Here</a:t>
            </a:r>
          </a:p>
        </p:txBody>
      </p:sp>
      <p:sp>
        <p:nvSpPr>
          <p:cNvPr id="2" name="Rectangle 1"/>
          <p:cNvSpPr/>
          <p:nvPr userDrawn="1"/>
        </p:nvSpPr>
        <p:spPr>
          <a:xfrm>
            <a:off x="0" y="3507854"/>
            <a:ext cx="9144000" cy="1635646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pic>
        <p:nvPicPr>
          <p:cNvPr id="6" name="Picture 2" descr="D:\Fullppt\PNG이미지\핸드폰2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35225" y="1079005"/>
            <a:ext cx="3373328" cy="408503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" name="Picture Placeholder 2"/>
          <p:cNvSpPr>
            <a:spLocks noGrp="1"/>
          </p:cNvSpPr>
          <p:nvPr>
            <p:ph type="pic" idx="1" hasCustomPrompt="1"/>
          </p:nvPr>
        </p:nvSpPr>
        <p:spPr>
          <a:xfrm>
            <a:off x="3566328" y="1217153"/>
            <a:ext cx="1945465" cy="3005145"/>
          </a:xfrm>
          <a:prstGeom prst="rect">
            <a:avLst/>
          </a:prstGeom>
          <a:solidFill>
            <a:schemeClr val="bg1">
              <a:lumMod val="95000"/>
            </a:schemeClr>
          </a:solidFill>
        </p:spPr>
        <p:txBody>
          <a:bodyPr anchor="ctr"/>
          <a:lstStyle>
            <a:lvl1pPr marL="0" indent="0" algn="ctr">
              <a:buNone/>
              <a:defRPr sz="1200" baseline="0">
                <a:solidFill>
                  <a:schemeClr val="tx1">
                    <a:lumMod val="75000"/>
                    <a:lumOff val="25000"/>
                  </a:schemeClr>
                </a:solidFill>
                <a:latin typeface="+mn-lt"/>
                <a:cs typeface="Arial" pitchFamily="34" charset="0"/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altLang="ko-KR" dirty="0"/>
              <a:t>Your Picture Here</a:t>
            </a:r>
            <a:endParaRPr lang="ko-KR" altLang="en-US" dirty="0"/>
          </a:p>
        </p:txBody>
      </p:sp>
    </p:spTree>
    <p:extLst>
      <p:ext uri="{BB962C8B-B14F-4D97-AF65-F5344CB8AC3E}">
        <p14:creationId xmlns:p14="http://schemas.microsoft.com/office/powerpoint/2010/main" val="32523295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4" Type="http://schemas.openxmlformats.org/officeDocument/2006/relationships/theme" Target="../theme/theme1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1.xml"/><Relationship Id="rId13" Type="http://schemas.openxmlformats.org/officeDocument/2006/relationships/slideLayout" Target="../slideLayouts/slideLayout16.xml"/><Relationship Id="rId3" Type="http://schemas.openxmlformats.org/officeDocument/2006/relationships/slideLayout" Target="../slideLayouts/slideLayout6.xml"/><Relationship Id="rId7" Type="http://schemas.openxmlformats.org/officeDocument/2006/relationships/slideLayout" Target="../slideLayouts/slideLayout10.xml"/><Relationship Id="rId12" Type="http://schemas.openxmlformats.org/officeDocument/2006/relationships/slideLayout" Target="../slideLayouts/slideLayout15.xml"/><Relationship Id="rId17" Type="http://schemas.openxmlformats.org/officeDocument/2006/relationships/theme" Target="../theme/theme2.xml"/><Relationship Id="rId2" Type="http://schemas.openxmlformats.org/officeDocument/2006/relationships/slideLayout" Target="../slideLayouts/slideLayout5.xml"/><Relationship Id="rId16" Type="http://schemas.openxmlformats.org/officeDocument/2006/relationships/slideLayout" Target="../slideLayouts/slideLayout19.xml"/><Relationship Id="rId1" Type="http://schemas.openxmlformats.org/officeDocument/2006/relationships/slideLayout" Target="../slideLayouts/slideLayout4.xml"/><Relationship Id="rId6" Type="http://schemas.openxmlformats.org/officeDocument/2006/relationships/slideLayout" Target="../slideLayouts/slideLayout9.xml"/><Relationship Id="rId11" Type="http://schemas.openxmlformats.org/officeDocument/2006/relationships/slideLayout" Target="../slideLayouts/slideLayout14.xml"/><Relationship Id="rId5" Type="http://schemas.openxmlformats.org/officeDocument/2006/relationships/slideLayout" Target="../slideLayouts/slideLayout8.xml"/><Relationship Id="rId15" Type="http://schemas.openxmlformats.org/officeDocument/2006/relationships/slideLayout" Target="../slideLayouts/slideLayout18.xml"/><Relationship Id="rId10" Type="http://schemas.openxmlformats.org/officeDocument/2006/relationships/slideLayout" Target="../slideLayouts/slideLayout13.xml"/><Relationship Id="rId4" Type="http://schemas.openxmlformats.org/officeDocument/2006/relationships/slideLayout" Target="../slideLayouts/slideLayout7.xml"/><Relationship Id="rId9" Type="http://schemas.openxmlformats.org/officeDocument/2006/relationships/slideLayout" Target="../slideLayouts/slideLayout12.xml"/><Relationship Id="rId14" Type="http://schemas.openxmlformats.org/officeDocument/2006/relationships/slideLayout" Target="../slideLayouts/slideLayout17.xml"/></Relationships>
</file>

<file path=ppt/slideMasters/_rels/slideMaster3.xml.rels><?xml version="1.0" encoding="UTF-8" standalone="yes"?>
<Relationships xmlns="http://schemas.openxmlformats.org/package/2006/relationships"><Relationship Id="rId2" Type="http://schemas.openxmlformats.org/officeDocument/2006/relationships/theme" Target="../theme/theme3.xml"/><Relationship Id="rId1" Type="http://schemas.openxmlformats.org/officeDocument/2006/relationships/slideLayout" Target="../slideLayouts/slideLayout2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73668305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73" r:id="rId3"/>
  </p:sldLayoutIdLst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  <p:txStyles>
    <p:titleStyle>
      <a:lvl1pPr algn="ctr" defTabSz="914400" rtl="0" eaLnBrk="1" latinLnBrk="1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1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1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73755554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9" r:id="rId1"/>
    <p:sldLayoutId id="2147483652" r:id="rId2"/>
    <p:sldLayoutId id="2147483660" r:id="rId3"/>
    <p:sldLayoutId id="2147483661" r:id="rId4"/>
    <p:sldLayoutId id="2147483662" r:id="rId5"/>
    <p:sldLayoutId id="2147483663" r:id="rId6"/>
    <p:sldLayoutId id="2147483664" r:id="rId7"/>
    <p:sldLayoutId id="2147483666" r:id="rId8"/>
    <p:sldLayoutId id="2147483667" r:id="rId9"/>
    <p:sldLayoutId id="2147483668" r:id="rId10"/>
    <p:sldLayoutId id="2147483669" r:id="rId11"/>
    <p:sldLayoutId id="2147483670" r:id="rId12"/>
    <p:sldLayoutId id="2147483671" r:id="rId13"/>
    <p:sldLayoutId id="2147483665" r:id="rId14"/>
    <p:sldLayoutId id="2147483672" r:id="rId15"/>
    <p:sldLayoutId id="2147483656" r:id="rId16"/>
  </p:sldLayoutIdLst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  <p:txStyles>
    <p:titleStyle>
      <a:lvl1pPr algn="ctr" defTabSz="914400" rtl="0" eaLnBrk="1" latinLnBrk="1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1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1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75471070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4" r:id="rId1"/>
  </p:sldLayoutIdLst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  <p:txStyles>
    <p:titleStyle>
      <a:lvl1pPr algn="ctr" defTabSz="914400" rtl="0" eaLnBrk="1" latinLnBrk="1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1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1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1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1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1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ko-KR"/>
      </a:defPPr>
      <a:lvl1pPr marL="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1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jpeg"/><Relationship Id="rId2" Type="http://schemas.openxmlformats.org/officeDocument/2006/relationships/image" Target="../media/image17.jpg"/><Relationship Id="rId1" Type="http://schemas.openxmlformats.org/officeDocument/2006/relationships/slideLayout" Target="../slideLayouts/slideLayout15.xml"/><Relationship Id="rId5" Type="http://schemas.openxmlformats.org/officeDocument/2006/relationships/image" Target="../media/image20.jpg"/><Relationship Id="rId4" Type="http://schemas.openxmlformats.org/officeDocument/2006/relationships/image" Target="../media/image19.jp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7" Type="http://schemas.openxmlformats.org/officeDocument/2006/relationships/image" Target="../media/image5.png"/><Relationship Id="rId2" Type="http://schemas.openxmlformats.org/officeDocument/2006/relationships/slideLayout" Target="../slideLayouts/slideLayout16.xml"/><Relationship Id="rId1" Type="http://schemas.openxmlformats.org/officeDocument/2006/relationships/tags" Target="../tags/tag10.xml"/><Relationship Id="rId6" Type="http://schemas.openxmlformats.org/officeDocument/2006/relationships/image" Target="../media/image23.jpg"/><Relationship Id="rId5" Type="http://schemas.openxmlformats.org/officeDocument/2006/relationships/image" Target="../media/image22.jpeg"/><Relationship Id="rId4" Type="http://schemas.openxmlformats.org/officeDocument/2006/relationships/image" Target="../media/image21.jp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g"/><Relationship Id="rId1" Type="http://schemas.openxmlformats.org/officeDocument/2006/relationships/slideLayout" Target="../slideLayouts/slideLayout1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.xml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1.xml"/><Relationship Id="rId1" Type="http://schemas.openxmlformats.org/officeDocument/2006/relationships/tags" Target="../tags/tag4.xml"/><Relationship Id="rId6" Type="http://schemas.openxmlformats.org/officeDocument/2006/relationships/image" Target="../media/image8.jpeg"/><Relationship Id="rId5" Type="http://schemas.openxmlformats.org/officeDocument/2006/relationships/image" Target="../media/image7.jpeg"/><Relationship Id="rId4" Type="http://schemas.openxmlformats.org/officeDocument/2006/relationships/image" Target="../media/image6.jp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6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8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3.jpe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12.jpeg"/><Relationship Id="rId2" Type="http://schemas.openxmlformats.org/officeDocument/2006/relationships/slideLayout" Target="../slideLayouts/slideLayout17.xml"/><Relationship Id="rId1" Type="http://schemas.openxmlformats.org/officeDocument/2006/relationships/tags" Target="../tags/tag9.xml"/><Relationship Id="rId6" Type="http://schemas.openxmlformats.org/officeDocument/2006/relationships/image" Target="../media/image11.jpeg"/><Relationship Id="rId11" Type="http://schemas.openxmlformats.org/officeDocument/2006/relationships/image" Target="../media/image16.jpeg"/><Relationship Id="rId5" Type="http://schemas.openxmlformats.org/officeDocument/2006/relationships/image" Target="../media/image10.jpeg"/><Relationship Id="rId10" Type="http://schemas.openxmlformats.org/officeDocument/2006/relationships/image" Target="../media/image15.jpeg"/><Relationship Id="rId4" Type="http://schemas.openxmlformats.org/officeDocument/2006/relationships/image" Target="../media/image9.jpeg"/><Relationship Id="rId9" Type="http://schemas.openxmlformats.org/officeDocument/2006/relationships/image" Target="../media/image14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sz="quarter" idx="10"/>
          </p:nvPr>
        </p:nvSpPr>
        <p:spPr>
          <a:xfrm>
            <a:off x="-108520" y="-164554"/>
            <a:ext cx="7344816" cy="1726902"/>
          </a:xfrm>
        </p:spPr>
        <p:txBody>
          <a:bodyPr/>
          <a:lstStyle/>
          <a:p>
            <a:pPr>
              <a:lnSpc>
                <a:spcPct val="100000"/>
              </a:lnSpc>
            </a:pPr>
            <a:r>
              <a:rPr lang="ru-RU" altLang="ko-KR" sz="3200" dirty="0">
                <a:latin typeface="Times New Roman" panose="02020603050405020304" pitchFamily="18" charset="0"/>
                <a:ea typeface="맑은 고딕" pitchFamily="50" charset="-127"/>
                <a:cs typeface="Times New Roman" panose="02020603050405020304" pitchFamily="18" charset="0"/>
              </a:rPr>
              <a:t>В</a:t>
            </a:r>
            <a:r>
              <a:rPr lang="ru-RU" altLang="ko-KR" sz="3200" dirty="0" smtClean="0">
                <a:latin typeface="Times New Roman" panose="02020603050405020304" pitchFamily="18" charset="0"/>
                <a:ea typeface="맑은 고딕" pitchFamily="50" charset="-127"/>
                <a:cs typeface="Times New Roman" panose="02020603050405020304" pitchFamily="18" charset="0"/>
              </a:rPr>
              <a:t>недрение производственных циклов в существующую систему нефтепереработки.</a:t>
            </a:r>
            <a:endParaRPr lang="en-US" altLang="ko-KR" sz="3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4" name="Text Placeholder 3"/>
          <p:cNvSpPr>
            <a:spLocks noGrp="1"/>
          </p:cNvSpPr>
          <p:nvPr>
            <p:ph type="body" sz="quarter" idx="11"/>
          </p:nvPr>
        </p:nvSpPr>
        <p:spPr>
          <a:xfrm>
            <a:off x="0" y="1491630"/>
            <a:ext cx="4355976" cy="504056"/>
          </a:xfrm>
        </p:spPr>
        <p:txBody>
          <a:bodyPr/>
          <a:lstStyle/>
          <a:p>
            <a:pPr>
              <a:spcBef>
                <a:spcPts val="0"/>
              </a:spcBef>
              <a:defRPr/>
            </a:pPr>
            <a:r>
              <a:rPr lang="ru-RU" altLang="ko-KR" b="1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Модульная производственная система для переработки нефтяного сырья</a:t>
            </a:r>
            <a:endParaRPr lang="en-US" altLang="ko-KR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8" name="Frame 17">
            <a:extLst>
              <a:ext uri="{FF2B5EF4-FFF2-40B4-BE49-F238E27FC236}">
                <a16:creationId xmlns:a16="http://schemas.microsoft.com/office/drawing/2014/main" id="{46FF6E71-F610-4653-A5AC-24C9A4DA4359}"/>
              </a:ext>
            </a:extLst>
          </p:cNvPr>
          <p:cNvSpPr/>
          <p:nvPr/>
        </p:nvSpPr>
        <p:spPr>
          <a:xfrm>
            <a:off x="8460432" y="195486"/>
            <a:ext cx="347025" cy="347025"/>
          </a:xfrm>
          <a:custGeom>
            <a:avLst/>
            <a:gdLst/>
            <a:ahLst/>
            <a:cxnLst/>
            <a:rect l="l" t="t" r="r" b="b"/>
            <a:pathLst>
              <a:path w="3240000" h="3240000">
                <a:moveTo>
                  <a:pt x="415456" y="380544"/>
                </a:moveTo>
                <a:lnTo>
                  <a:pt x="415456" y="385333"/>
                </a:lnTo>
                <a:lnTo>
                  <a:pt x="385333" y="385333"/>
                </a:lnTo>
                <a:lnTo>
                  <a:pt x="385333" y="2854667"/>
                </a:lnTo>
                <a:lnTo>
                  <a:pt x="1529120" y="2854667"/>
                </a:lnTo>
                <a:cubicBezTo>
                  <a:pt x="1267123" y="2430711"/>
                  <a:pt x="997530" y="1721825"/>
                  <a:pt x="436017" y="1672600"/>
                </a:cubicBezTo>
                <a:lnTo>
                  <a:pt x="600235" y="1185112"/>
                </a:lnTo>
                <a:cubicBezTo>
                  <a:pt x="1132790" y="1359573"/>
                  <a:pt x="1278822" y="1550851"/>
                  <a:pt x="1544730" y="1923929"/>
                </a:cubicBezTo>
                <a:cubicBezTo>
                  <a:pt x="1789452" y="1379400"/>
                  <a:pt x="1927092" y="1088696"/>
                  <a:pt x="2233403" y="596568"/>
                </a:cubicBezTo>
                <a:lnTo>
                  <a:pt x="2770666" y="596568"/>
                </a:lnTo>
                <a:cubicBezTo>
                  <a:pt x="2331495" y="1220469"/>
                  <a:pt x="1907612" y="2113878"/>
                  <a:pt x="1578489" y="2854667"/>
                </a:cubicBezTo>
                <a:lnTo>
                  <a:pt x="2854667" y="2854667"/>
                </a:lnTo>
                <a:lnTo>
                  <a:pt x="2854667" y="596568"/>
                </a:lnTo>
                <a:lnTo>
                  <a:pt x="2858395" y="596568"/>
                </a:lnTo>
                <a:lnTo>
                  <a:pt x="2858395" y="380544"/>
                </a:lnTo>
                <a:close/>
                <a:moveTo>
                  <a:pt x="0" y="0"/>
                </a:moveTo>
                <a:lnTo>
                  <a:pt x="3240000" y="0"/>
                </a:lnTo>
                <a:lnTo>
                  <a:pt x="3240000" y="3240000"/>
                </a:lnTo>
                <a:lnTo>
                  <a:pt x="0" y="3240000"/>
                </a:lnTo>
                <a:close/>
              </a:path>
            </a:pathLst>
          </a:custGeom>
          <a:solidFill>
            <a:schemeClr val="dk1"/>
          </a:solidFill>
          <a:ln>
            <a:noFill/>
          </a:ln>
        </p:spPr>
        <p:style>
          <a:lnRef idx="0">
            <a:scrgbClr r="0" g="0" b="0"/>
          </a:lnRef>
          <a:fillRef idx="0">
            <a:scrgbClr r="0" g="0" b="0"/>
          </a:fillRef>
          <a:effectRef idx="0">
            <a:scrgbClr r="0" g="0" b="0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dirty="0">
              <a:solidFill>
                <a:schemeClr val="tx1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7184137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Прямоугольник 16"/>
          <p:cNvSpPr/>
          <p:nvPr/>
        </p:nvSpPr>
        <p:spPr>
          <a:xfrm>
            <a:off x="529348" y="159481"/>
            <a:ext cx="2376264" cy="4824536"/>
          </a:xfrm>
          <a:prstGeom prst="rect">
            <a:avLst/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ru-RU">
              <a:solidFill>
                <a:schemeClr val="tx1"/>
              </a:solidFill>
            </a:endParaRPr>
          </a:p>
        </p:txBody>
      </p:sp>
      <p:pic>
        <p:nvPicPr>
          <p:cNvPr id="20" name="Рисунок 19"/>
          <p:cNvPicPr>
            <a:picLocks noGrp="1" noChangeAspect="1"/>
          </p:cNvPicPr>
          <p:nvPr>
            <p:ph type="pic"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4248" r="34248"/>
          <a:stretch>
            <a:fillRect/>
          </a:stretch>
        </p:blipFill>
        <p:spPr/>
      </p:pic>
      <p:pic>
        <p:nvPicPr>
          <p:cNvPr id="22" name="Рисунок 21"/>
          <p:cNvPicPr>
            <a:picLocks noGrp="1" noChangeAspect="1"/>
          </p:cNvPicPr>
          <p:nvPr>
            <p:ph type="pic" idx="12"/>
          </p:nvPr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128" r="14128"/>
          <a:stretch>
            <a:fillRect/>
          </a:stretch>
        </p:blipFill>
        <p:spPr/>
      </p:pic>
      <p:pic>
        <p:nvPicPr>
          <p:cNvPr id="23" name="Рисунок 22"/>
          <p:cNvPicPr>
            <a:picLocks noGrp="1" noChangeAspect="1"/>
          </p:cNvPicPr>
          <p:nvPr>
            <p:ph type="pic" idx="13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9968" r="39968"/>
          <a:stretch>
            <a:fillRect/>
          </a:stretch>
        </p:blipFill>
        <p:spPr/>
      </p:pic>
      <p:pic>
        <p:nvPicPr>
          <p:cNvPr id="21" name="Рисунок 20"/>
          <p:cNvPicPr>
            <a:picLocks noGrp="1" noChangeAspect="1"/>
          </p:cNvPicPr>
          <p:nvPr>
            <p:ph type="pic" idx="14"/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8037" b="18037"/>
          <a:stretch>
            <a:fillRect/>
          </a:stretch>
        </p:blipFill>
        <p:spPr/>
      </p:pic>
      <p:sp>
        <p:nvSpPr>
          <p:cNvPr id="12" name="TextBox 11"/>
          <p:cNvSpPr txBox="1"/>
          <p:nvPr/>
        </p:nvSpPr>
        <p:spPr>
          <a:xfrm>
            <a:off x="745372" y="225701"/>
            <a:ext cx="1944216" cy="161582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altLang="ko-KR" sz="900" b="1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Начало производства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 Этап – Перекачка отсортированного сырья на производство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)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 Этап – Химическое и физическое воздействие на сырьё </a:t>
            </a:r>
          </a:p>
          <a:p>
            <a:pPr algn="ctr"/>
            <a:r>
              <a:rPr lang="ru-RU" altLang="ko-KR" sz="9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</a:t>
            </a:r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3 Этап – Запуск производственных линий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)</a:t>
            </a:r>
          </a:p>
        </p:txBody>
      </p:sp>
      <p:sp>
        <p:nvSpPr>
          <p:cNvPr id="18" name="TextBox 17"/>
          <p:cNvSpPr txBox="1"/>
          <p:nvPr/>
        </p:nvSpPr>
        <p:spPr>
          <a:xfrm>
            <a:off x="745372" y="2015246"/>
            <a:ext cx="194421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altLang="ko-KR" sz="900" b="1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роизводство резиновых изделий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 Этап – Перекачка Доставка сырья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)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 Этап – Запекание сырья</a:t>
            </a:r>
          </a:p>
          <a:p>
            <a:pPr algn="ctr"/>
            <a:r>
              <a:rPr lang="ru-RU" altLang="ko-KR" sz="9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</a:t>
            </a:r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3 Этап – Работа пресс форм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4 Этап  - Складирование и отгрузка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)</a:t>
            </a:r>
          </a:p>
        </p:txBody>
      </p:sp>
      <p:sp>
        <p:nvSpPr>
          <p:cNvPr id="19" name="TextBox 18"/>
          <p:cNvSpPr txBox="1"/>
          <p:nvPr/>
        </p:nvSpPr>
        <p:spPr>
          <a:xfrm>
            <a:off x="745372" y="3363838"/>
            <a:ext cx="1944216" cy="14773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altLang="ko-KR" sz="900" b="1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роизводство моторного масла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 Этап – Перекачка Доставка сырья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)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 Этап – Физическое воздействие, перемешивание сырьевых масс</a:t>
            </a:r>
          </a:p>
          <a:p>
            <a:pPr algn="ctr"/>
            <a:r>
              <a:rPr lang="ru-RU" altLang="ko-KR" sz="9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</a:t>
            </a:r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3 Этап – Добавка присадок и контроль качества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4 Этап  - Складирование и отгрузка</a:t>
            </a:r>
          </a:p>
          <a:p>
            <a:pPr algn="ctr"/>
            <a:r>
              <a:rPr lang="ru-RU" altLang="ko-KR" sz="9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)</a:t>
            </a:r>
          </a:p>
        </p:txBody>
      </p:sp>
    </p:spTree>
    <p:extLst>
      <p:ext uri="{BB962C8B-B14F-4D97-AF65-F5344CB8AC3E}">
        <p14:creationId xmlns:p14="http://schemas.microsoft.com/office/powerpoint/2010/main" val="198284031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Frame 17"/>
          <p:cNvSpPr/>
          <p:nvPr/>
        </p:nvSpPr>
        <p:spPr>
          <a:xfrm rot="18900000">
            <a:off x="6343368" y="2430572"/>
            <a:ext cx="1793332" cy="1793332"/>
          </a:xfrm>
          <a:prstGeom prst="frame">
            <a:avLst>
              <a:gd name="adj1" fmla="val 4837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sp>
        <p:nvSpPr>
          <p:cNvPr id="19" name="Text Placeholder 1"/>
          <p:cNvSpPr txBox="1">
            <a:spLocks/>
          </p:cNvSpPr>
          <p:nvPr/>
        </p:nvSpPr>
        <p:spPr>
          <a:xfrm>
            <a:off x="467543" y="267494"/>
            <a:ext cx="4569733" cy="1944464"/>
          </a:xfrm>
          <a:prstGeom prst="rect">
            <a:avLst/>
          </a:prstGeom>
        </p:spPr>
        <p:txBody>
          <a:bodyPr anchor="ctr"/>
          <a:lstStyle>
            <a:lvl1pPr marL="342900" indent="-3429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ru-RU" altLang="ko-KR" b="1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Ключевые инновации</a:t>
            </a:r>
            <a:endParaRPr lang="ko-KR" altLang="en-US" b="1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0" name="TextBox 19"/>
          <p:cNvSpPr txBox="1"/>
          <p:nvPr/>
        </p:nvSpPr>
        <p:spPr>
          <a:xfrm>
            <a:off x="447706" y="1495130"/>
            <a:ext cx="2664296" cy="21236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altLang="ko-KR" sz="1200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Автоматизированные процессы производства</a:t>
            </a:r>
          </a:p>
          <a:p>
            <a:r>
              <a:rPr lang="ru-RU" altLang="ko-KR" sz="1200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грирование существующих технологий с новыми бизнес процессами</a:t>
            </a:r>
          </a:p>
          <a:p>
            <a:r>
              <a:rPr lang="ru-RU" altLang="ko-KR" sz="1200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Цикличность бизнес процессов</a:t>
            </a:r>
          </a:p>
          <a:p>
            <a:r>
              <a:rPr lang="ru-RU" altLang="ko-KR" sz="1200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Уникальная транспортная инфраструктура</a:t>
            </a:r>
          </a:p>
          <a:p>
            <a:r>
              <a:rPr lang="ru-RU" altLang="ko-KR" sz="1200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Высокая доходность продукции</a:t>
            </a:r>
          </a:p>
          <a:p>
            <a:r>
              <a:rPr lang="ru-RU" altLang="ko-KR" sz="1200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кологическая безопасность</a:t>
            </a:r>
          </a:p>
          <a:p>
            <a:endParaRPr lang="en-US" altLang="ko-KR" sz="1200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4" name="Рисунок 13"/>
          <p:cNvPicPr>
            <a:picLocks noGrp="1" noChangeAspect="1"/>
          </p:cNvPicPr>
          <p:nvPr>
            <p:ph type="pic" idx="18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3181" r="33181"/>
          <a:stretch>
            <a:fillRect/>
          </a:stretch>
        </p:blipFill>
        <p:spPr/>
      </p:pic>
      <p:pic>
        <p:nvPicPr>
          <p:cNvPr id="15" name="Рисунок 14"/>
          <p:cNvPicPr>
            <a:picLocks noGrp="1" noChangeAspect="1"/>
          </p:cNvPicPr>
          <p:nvPr>
            <p:ph type="pic" idx="19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483" b="5483"/>
          <a:stretch>
            <a:fillRect/>
          </a:stretch>
        </p:blipFill>
        <p:spPr/>
      </p:pic>
      <p:pic>
        <p:nvPicPr>
          <p:cNvPr id="11" name="Рисунок 10"/>
          <p:cNvPicPr>
            <a:picLocks noGrp="1" noChangeAspect="1"/>
          </p:cNvPicPr>
          <p:nvPr>
            <p:ph type="pic" idx="20"/>
          </p:nvPr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2839" b="12839"/>
          <a:stretch>
            <a:fillRect/>
          </a:stretch>
        </p:blipFill>
        <p:spPr/>
      </p:pic>
      <p:pic>
        <p:nvPicPr>
          <p:cNvPr id="13" name="Рисунок 12"/>
          <p:cNvPicPr>
            <a:picLocks noGrp="1" noChangeAspect="1"/>
          </p:cNvPicPr>
          <p:nvPr>
            <p:ph type="pic" idx="21"/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634" r="7634"/>
          <a:stretch>
            <a:fillRect/>
          </a:stretch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31911379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2771800" y="3075806"/>
            <a:ext cx="3894936" cy="576063"/>
          </a:xfrm>
        </p:spPr>
        <p:txBody>
          <a:bodyPr/>
          <a:lstStyle/>
          <a:p>
            <a:r>
              <a:rPr lang="ru-RU" altLang="ko-KR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Вперёд!</a:t>
            </a:r>
          </a:p>
          <a:p>
            <a:r>
              <a:rPr lang="ru-RU" altLang="ko-KR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Сделаем нашу страну непобедимой!</a:t>
            </a:r>
            <a:endParaRPr lang="ko-KR" alt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07039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Box 2"/>
          <p:cNvSpPr txBox="1"/>
          <p:nvPr/>
        </p:nvSpPr>
        <p:spPr>
          <a:xfrm>
            <a:off x="251520" y="339502"/>
            <a:ext cx="5855385" cy="1477328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ru-RU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Цель проекта</a:t>
            </a:r>
            <a:r>
              <a:rPr lang="ru-RU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:</a:t>
            </a:r>
            <a:endParaRPr lang="en-US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ru-RU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endParaRPr lang="ru-RU" dirty="0" smtClean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ru-RU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Создать прототип модульной производственной системы </a:t>
            </a:r>
          </a:p>
          <a:p>
            <a:r>
              <a:rPr lang="ru-RU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для </a:t>
            </a:r>
            <a: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ереработки нефтяного сырья</a:t>
            </a:r>
          </a:p>
          <a:p>
            <a:endParaRPr lang="ru-RU" dirty="0"/>
          </a:p>
        </p:txBody>
      </p:sp>
      <p:pic>
        <p:nvPicPr>
          <p:cNvPr id="2" name="Рисунок 1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95736" y="1707654"/>
            <a:ext cx="4149080" cy="311181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155554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" name="Group 5"/>
          <p:cNvGrpSpPr/>
          <p:nvPr/>
        </p:nvGrpSpPr>
        <p:grpSpPr>
          <a:xfrm>
            <a:off x="5508104" y="1891425"/>
            <a:ext cx="3248311" cy="863358"/>
            <a:chOff x="803640" y="3362835"/>
            <a:chExt cx="2059657" cy="863358"/>
          </a:xfrm>
        </p:grpSpPr>
        <p:sp>
          <p:nvSpPr>
            <p:cNvPr id="7" name="TextBox 6"/>
            <p:cNvSpPr txBox="1"/>
            <p:nvPr/>
          </p:nvSpPr>
          <p:spPr>
            <a:xfrm>
              <a:off x="803640" y="3579862"/>
              <a:ext cx="2059657" cy="64633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r"/>
              <a:r>
                <a:rPr lang="ru-RU" altLang="ko-KR" sz="1200" b="1" dirty="0" smtClean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Походы, которые помнят всю жизнь. Именно такие мероприятия формируют здоровую картину мира ребёнка</a:t>
              </a:r>
              <a:endParaRPr lang="ko-KR" altLang="en-US" sz="12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sp>
          <p:nvSpPr>
            <p:cNvPr id="8" name="TextBox 7"/>
            <p:cNvSpPr txBox="1"/>
            <p:nvPr/>
          </p:nvSpPr>
          <p:spPr>
            <a:xfrm>
              <a:off x="803640" y="3362835"/>
              <a:ext cx="2059657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r"/>
              <a:r>
                <a:rPr lang="ru-RU" altLang="ko-KR" sz="1200" b="1" dirty="0" smtClean="0">
                  <a:solidFill>
                    <a:schemeClr val="bg1"/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Два туристических похода</a:t>
              </a:r>
              <a:endParaRPr lang="ko-KR" altLang="en-US" sz="1200" b="1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</p:grpSp>
      <p:sp>
        <p:nvSpPr>
          <p:cNvPr id="9" name="Text Placeholder 1"/>
          <p:cNvSpPr txBox="1">
            <a:spLocks/>
          </p:cNvSpPr>
          <p:nvPr/>
        </p:nvSpPr>
        <p:spPr>
          <a:xfrm>
            <a:off x="2159732" y="3227224"/>
            <a:ext cx="4824536" cy="1224384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buNone/>
            </a:pPr>
            <a:r>
              <a:rPr lang="ru-RU" altLang="ko-KR" b="1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роизводите и продавайте сами!</a:t>
            </a:r>
            <a:endParaRPr lang="ko-KR" altLang="en-US" b="1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0" name="TextBox 9"/>
          <p:cNvSpPr txBox="1"/>
          <p:nvPr/>
        </p:nvSpPr>
        <p:spPr>
          <a:xfrm>
            <a:off x="1619672" y="4360893"/>
            <a:ext cx="5904656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altLang="ko-KR" sz="1200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Хватить продавать сырьё! </a:t>
            </a:r>
          </a:p>
          <a:p>
            <a:pPr algn="ctr"/>
            <a:r>
              <a:rPr lang="ru-RU" altLang="ko-KR" sz="1200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Внедрите производственные линии на НПЗ, без перестроения инфраструктуры и нарушения выстроенных бизнес процессов </a:t>
            </a:r>
            <a:endParaRPr lang="en-US" altLang="ko-KR" sz="1200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1" name="Frame 10"/>
          <p:cNvSpPr/>
          <p:nvPr/>
        </p:nvSpPr>
        <p:spPr>
          <a:xfrm>
            <a:off x="224644" y="188136"/>
            <a:ext cx="8694712" cy="2700301"/>
          </a:xfrm>
          <a:prstGeom prst="frame">
            <a:avLst>
              <a:gd name="adj1" fmla="val 1002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pic>
        <p:nvPicPr>
          <p:cNvPr id="4" name="Рисунок 3"/>
          <p:cNvPicPr>
            <a:picLocks noGrp="1" noChangeAspect="1"/>
          </p:cNvPicPr>
          <p:nvPr>
            <p:ph type="pic" idx="1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7628" b="27628"/>
          <a:stretch>
            <a:fillRect/>
          </a:stretch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25348202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ext Placeholder 1"/>
          <p:cNvSpPr txBox="1">
            <a:spLocks/>
          </p:cNvSpPr>
          <p:nvPr/>
        </p:nvSpPr>
        <p:spPr>
          <a:xfrm>
            <a:off x="389408" y="1349278"/>
            <a:ext cx="2952328" cy="1944464"/>
          </a:xfrm>
          <a:prstGeom prst="rect">
            <a:avLst/>
          </a:prstGeom>
        </p:spPr>
        <p:txBody>
          <a:bodyPr/>
          <a:lstStyle>
            <a:lvl1pPr marL="342900" indent="-3429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ru-RU" altLang="ko-KR" b="1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сследование</a:t>
            </a:r>
            <a:endParaRPr lang="ko-KR" altLang="en-US" b="1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6" name="TextBox 15"/>
          <p:cNvSpPr txBox="1"/>
          <p:nvPr/>
        </p:nvSpPr>
        <p:spPr>
          <a:xfrm>
            <a:off x="5436096" y="500544"/>
            <a:ext cx="316835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altLang="ko-KR" sz="1200" dirty="0" smtClean="0"/>
              <a:t>Модульная платформа из быстро-возводимой конструкции позволяет собрать производство за считанные месяцы.</a:t>
            </a:r>
            <a:endParaRPr lang="ko-KR" altLang="en-US" sz="1200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9" name="TextBox 18"/>
          <p:cNvSpPr txBox="1"/>
          <p:nvPr/>
        </p:nvSpPr>
        <p:spPr>
          <a:xfrm>
            <a:off x="4402948" y="4218055"/>
            <a:ext cx="316835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ru-RU" altLang="ko-KR" sz="1200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Контроль качества на всех уровнях</a:t>
            </a:r>
            <a:endParaRPr lang="ko-KR" altLang="en-US" sz="1200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2" name="TextBox 21"/>
          <p:cNvSpPr txBox="1"/>
          <p:nvPr/>
        </p:nvSpPr>
        <p:spPr>
          <a:xfrm>
            <a:off x="2915816" y="2003145"/>
            <a:ext cx="2092432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ru-RU" sz="1200" dirty="0" smtClean="0"/>
              <a:t>Производство товаров на НПЗ из нефтепродуктов в </a:t>
            </a:r>
            <a:r>
              <a:rPr lang="ru-RU" sz="1200" dirty="0"/>
              <a:t>К</a:t>
            </a:r>
            <a:r>
              <a:rPr lang="ru-RU" sz="1200" dirty="0" smtClean="0"/>
              <a:t>итае</a:t>
            </a:r>
            <a:endParaRPr lang="ko-KR" altLang="en-US" sz="1200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5" name="TextBox 24"/>
          <p:cNvSpPr txBox="1"/>
          <p:nvPr/>
        </p:nvSpPr>
        <p:spPr>
          <a:xfrm>
            <a:off x="389408" y="1864645"/>
            <a:ext cx="2664296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altLang="ko-KR" sz="1200" dirty="0" smtClean="0"/>
              <a:t>На следующих слайдах мы расскажем почему наше решение лучшее</a:t>
            </a:r>
            <a:endParaRPr lang="ko-KR" altLang="en-US" sz="1200" b="1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6" name="Frame 25"/>
          <p:cNvSpPr/>
          <p:nvPr/>
        </p:nvSpPr>
        <p:spPr>
          <a:xfrm>
            <a:off x="5244150" y="1513554"/>
            <a:ext cx="2376264" cy="2115632"/>
          </a:xfrm>
          <a:prstGeom prst="frame">
            <a:avLst>
              <a:gd name="adj1" fmla="val 1388"/>
            </a:avLst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sp>
        <p:nvSpPr>
          <p:cNvPr id="27" name="Frame 26"/>
          <p:cNvSpPr/>
          <p:nvPr/>
        </p:nvSpPr>
        <p:spPr>
          <a:xfrm>
            <a:off x="3800094" y="90723"/>
            <a:ext cx="1255940" cy="1258555"/>
          </a:xfrm>
          <a:prstGeom prst="frame">
            <a:avLst>
              <a:gd name="adj1" fmla="val 2654"/>
            </a:avLst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sp>
        <p:nvSpPr>
          <p:cNvPr id="28" name="Frame 27"/>
          <p:cNvSpPr/>
          <p:nvPr/>
        </p:nvSpPr>
        <p:spPr>
          <a:xfrm>
            <a:off x="7796030" y="3794223"/>
            <a:ext cx="1255940" cy="1258555"/>
          </a:xfrm>
          <a:prstGeom prst="frame">
            <a:avLst>
              <a:gd name="adj1" fmla="val 2654"/>
            </a:avLst>
          </a:prstGeom>
          <a:solidFill>
            <a:schemeClr val="accent4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pic>
        <p:nvPicPr>
          <p:cNvPr id="2" name="Рисунок 1"/>
          <p:cNvPicPr>
            <a:picLocks noGrp="1" noChangeAspect="1"/>
          </p:cNvPicPr>
          <p:nvPr>
            <p:ph type="pic" idx="1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353" r="18353"/>
          <a:stretch>
            <a:fillRect/>
          </a:stretch>
        </p:blipFill>
        <p:spPr/>
      </p:pic>
      <p:pic>
        <p:nvPicPr>
          <p:cNvPr id="9" name="Рисунок 8"/>
          <p:cNvPicPr>
            <a:picLocks noGrp="1" noChangeAspect="1"/>
          </p:cNvPicPr>
          <p:nvPr>
            <p:ph type="pic" idx="10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2500" b="12500"/>
          <a:stretch>
            <a:fillRect/>
          </a:stretch>
        </p:blipFill>
        <p:spPr>
          <a:xfrm>
            <a:off x="3800094" y="-27402"/>
            <a:ext cx="1439862" cy="1439863"/>
          </a:xfrm>
        </p:spPr>
      </p:pic>
      <p:pic>
        <p:nvPicPr>
          <p:cNvPr id="11" name="Рисунок 10"/>
          <p:cNvPicPr>
            <a:picLocks noGrp="1" noChangeAspect="1"/>
          </p:cNvPicPr>
          <p:nvPr>
            <p:ph type="pic" idx="11"/>
          </p:nvPr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2500" r="12500"/>
          <a:stretch>
            <a:fillRect/>
          </a:stretch>
        </p:blipFill>
        <p:spPr>
          <a:xfrm>
            <a:off x="7710488" y="3703638"/>
            <a:ext cx="1439862" cy="1439862"/>
          </a:xfr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146326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Block Arc 14"/>
          <p:cNvSpPr/>
          <p:nvPr/>
        </p:nvSpPr>
        <p:spPr>
          <a:xfrm>
            <a:off x="179511" y="2143048"/>
            <a:ext cx="1217198" cy="1217254"/>
          </a:xfrm>
          <a:custGeom>
            <a:avLst/>
            <a:gdLst/>
            <a:ahLst/>
            <a:cxnLst/>
            <a:rect l="l" t="t" r="r" b="b"/>
            <a:pathLst>
              <a:path w="1217198" h="1217254">
                <a:moveTo>
                  <a:pt x="1172073" y="616019"/>
                </a:moveTo>
                <a:lnTo>
                  <a:pt x="1217198" y="616610"/>
                </a:lnTo>
                <a:cubicBezTo>
                  <a:pt x="1216181" y="694136"/>
                  <a:pt x="1200702" y="768120"/>
                  <a:pt x="1172073" y="835497"/>
                </a:cubicBezTo>
                <a:close/>
                <a:moveTo>
                  <a:pt x="592301" y="223"/>
                </a:moveTo>
                <a:cubicBezTo>
                  <a:pt x="925156" y="-8708"/>
                  <a:pt x="1203399" y="251500"/>
                  <a:pt x="1216760" y="584207"/>
                </a:cubicBezTo>
                <a:lnTo>
                  <a:pt x="1025903" y="591872"/>
                </a:lnTo>
                <a:cubicBezTo>
                  <a:pt x="1016735" y="363582"/>
                  <a:pt x="825816" y="185038"/>
                  <a:pt x="597424" y="191166"/>
                </a:cubicBezTo>
                <a:cubicBezTo>
                  <a:pt x="369033" y="197294"/>
                  <a:pt x="187962" y="385820"/>
                  <a:pt x="191049" y="614273"/>
                </a:cubicBezTo>
                <a:cubicBezTo>
                  <a:pt x="194136" y="842726"/>
                  <a:pt x="380235" y="1026290"/>
                  <a:pt x="608708" y="1026244"/>
                </a:cubicBezTo>
                <a:cubicBezTo>
                  <a:pt x="773320" y="1026211"/>
                  <a:pt x="915896" y="930876"/>
                  <a:pt x="982606" y="791527"/>
                </a:cubicBezTo>
                <a:lnTo>
                  <a:pt x="982606" y="1085471"/>
                </a:lnTo>
                <a:cubicBezTo>
                  <a:pt x="880769" y="1168806"/>
                  <a:pt x="750352" y="1217226"/>
                  <a:pt x="608747" y="1217254"/>
                </a:cubicBezTo>
                <a:cubicBezTo>
                  <a:pt x="275773" y="1217320"/>
                  <a:pt x="4555" y="949797"/>
                  <a:pt x="56" y="616853"/>
                </a:cubicBezTo>
                <a:cubicBezTo>
                  <a:pt x="-4443" y="283909"/>
                  <a:pt x="259446" y="9154"/>
                  <a:pt x="592301" y="223"/>
                </a:cubicBezTo>
                <a:close/>
              </a:path>
            </a:pathLst>
          </a:cu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sp>
        <p:nvSpPr>
          <p:cNvPr id="19" name="Rectangle 18"/>
          <p:cNvSpPr/>
          <p:nvPr/>
        </p:nvSpPr>
        <p:spPr>
          <a:xfrm>
            <a:off x="1207294" y="1561169"/>
            <a:ext cx="189467" cy="1040153"/>
          </a:xfrm>
          <a:custGeom>
            <a:avLst/>
            <a:gdLst>
              <a:gd name="connsiteX0" fmla="*/ 0 w 189467"/>
              <a:gd name="connsiteY0" fmla="*/ 0 h 1080346"/>
              <a:gd name="connsiteX1" fmla="*/ 189467 w 189467"/>
              <a:gd name="connsiteY1" fmla="*/ 0 h 1080346"/>
              <a:gd name="connsiteX2" fmla="*/ 189467 w 189467"/>
              <a:gd name="connsiteY2" fmla="*/ 1080346 h 1080346"/>
              <a:gd name="connsiteX3" fmla="*/ 187528 w 189467"/>
              <a:gd name="connsiteY3" fmla="*/ 1040153 h 1080346"/>
              <a:gd name="connsiteX4" fmla="*/ 0 w 189467"/>
              <a:gd name="connsiteY4" fmla="*/ 674512 h 1080346"/>
              <a:gd name="connsiteX5" fmla="*/ 0 w 189467"/>
              <a:gd name="connsiteY5" fmla="*/ 0 h 1080346"/>
              <a:gd name="connsiteX0" fmla="*/ 0 w 189467"/>
              <a:gd name="connsiteY0" fmla="*/ 0 h 1040153"/>
              <a:gd name="connsiteX1" fmla="*/ 189467 w 189467"/>
              <a:gd name="connsiteY1" fmla="*/ 0 h 1040153"/>
              <a:gd name="connsiteX2" fmla="*/ 187528 w 189467"/>
              <a:gd name="connsiteY2" fmla="*/ 1040153 h 1040153"/>
              <a:gd name="connsiteX3" fmla="*/ 0 w 189467"/>
              <a:gd name="connsiteY3" fmla="*/ 674512 h 1040153"/>
              <a:gd name="connsiteX4" fmla="*/ 0 w 189467"/>
              <a:gd name="connsiteY4" fmla="*/ 0 h 104015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189467" h="1040153">
                <a:moveTo>
                  <a:pt x="0" y="0"/>
                </a:moveTo>
                <a:lnTo>
                  <a:pt x="189467" y="0"/>
                </a:lnTo>
                <a:cubicBezTo>
                  <a:pt x="188821" y="346718"/>
                  <a:pt x="188174" y="693435"/>
                  <a:pt x="187528" y="1040153"/>
                </a:cubicBezTo>
                <a:cubicBezTo>
                  <a:pt x="179329" y="879836"/>
                  <a:pt x="108663" y="777233"/>
                  <a:pt x="0" y="674512"/>
                </a:cubicBez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sp>
        <p:nvSpPr>
          <p:cNvPr id="3" name="Title 2"/>
          <p:cNvSpPr txBox="1">
            <a:spLocks/>
          </p:cNvSpPr>
          <p:nvPr/>
        </p:nvSpPr>
        <p:spPr>
          <a:xfrm>
            <a:off x="1164435" y="347623"/>
            <a:ext cx="9144000" cy="576064"/>
          </a:xfrm>
          <a:prstGeom prst="rect">
            <a:avLst/>
          </a:prstGeom>
        </p:spPr>
        <p:txBody>
          <a:bodyPr anchor="ctr"/>
          <a:lstStyle>
            <a:lvl1pPr algn="ctr" defTabSz="914400" rtl="0" eaLnBrk="1" latinLnBrk="1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ru-RU" sz="36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Наши преимущества</a:t>
            </a:r>
            <a:endParaRPr lang="en-US" sz="36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4" name="Freeform 13"/>
          <p:cNvSpPr/>
          <p:nvPr/>
        </p:nvSpPr>
        <p:spPr>
          <a:xfrm>
            <a:off x="924958" y="618805"/>
            <a:ext cx="726841" cy="1121399"/>
          </a:xfrm>
          <a:custGeom>
            <a:avLst/>
            <a:gdLst/>
            <a:ahLst/>
            <a:cxnLst/>
            <a:rect l="l" t="t" r="r" b="b"/>
            <a:pathLst>
              <a:path w="726841" h="1121399">
                <a:moveTo>
                  <a:pt x="236325" y="1049494"/>
                </a:moveTo>
                <a:lnTo>
                  <a:pt x="495287" y="1049494"/>
                </a:lnTo>
                <a:cubicBezTo>
                  <a:pt x="491080" y="1064561"/>
                  <a:pt x="487966" y="1079199"/>
                  <a:pt x="485273" y="1093187"/>
                </a:cubicBezTo>
                <a:lnTo>
                  <a:pt x="245258" y="1092728"/>
                </a:lnTo>
                <a:close/>
                <a:moveTo>
                  <a:pt x="363421" y="203844"/>
                </a:moveTo>
                <a:cubicBezTo>
                  <a:pt x="401307" y="203844"/>
                  <a:pt x="432020" y="234557"/>
                  <a:pt x="432020" y="272443"/>
                </a:cubicBezTo>
                <a:cubicBezTo>
                  <a:pt x="432020" y="310329"/>
                  <a:pt x="401307" y="341042"/>
                  <a:pt x="363421" y="341042"/>
                </a:cubicBezTo>
                <a:cubicBezTo>
                  <a:pt x="325534" y="341042"/>
                  <a:pt x="294821" y="310329"/>
                  <a:pt x="294821" y="272443"/>
                </a:cubicBezTo>
                <a:cubicBezTo>
                  <a:pt x="294821" y="234557"/>
                  <a:pt x="325534" y="203844"/>
                  <a:pt x="363421" y="203844"/>
                </a:cubicBezTo>
                <a:close/>
                <a:moveTo>
                  <a:pt x="363421" y="135244"/>
                </a:moveTo>
                <a:cubicBezTo>
                  <a:pt x="287648" y="135244"/>
                  <a:pt x="226222" y="196671"/>
                  <a:pt x="226222" y="272443"/>
                </a:cubicBezTo>
                <a:cubicBezTo>
                  <a:pt x="226222" y="348216"/>
                  <a:pt x="287648" y="409642"/>
                  <a:pt x="363421" y="409642"/>
                </a:cubicBezTo>
                <a:cubicBezTo>
                  <a:pt x="439193" y="409642"/>
                  <a:pt x="500619" y="348216"/>
                  <a:pt x="500619" y="272443"/>
                </a:cubicBezTo>
                <a:cubicBezTo>
                  <a:pt x="500619" y="196671"/>
                  <a:pt x="439193" y="135244"/>
                  <a:pt x="363421" y="135244"/>
                </a:cubicBezTo>
                <a:close/>
                <a:moveTo>
                  <a:pt x="196200" y="0"/>
                </a:moveTo>
                <a:cubicBezTo>
                  <a:pt x="300307" y="58658"/>
                  <a:pt x="427219" y="59450"/>
                  <a:pt x="531959" y="2129"/>
                </a:cubicBezTo>
                <a:cubicBezTo>
                  <a:pt x="645195" y="251105"/>
                  <a:pt x="615578" y="521951"/>
                  <a:pt x="565642" y="749813"/>
                </a:cubicBezTo>
                <a:lnTo>
                  <a:pt x="726841" y="904479"/>
                </a:lnTo>
                <a:lnTo>
                  <a:pt x="700460" y="1113326"/>
                </a:lnTo>
                <a:lnTo>
                  <a:pt x="510728" y="982128"/>
                </a:lnTo>
                <a:lnTo>
                  <a:pt x="503274" y="1014651"/>
                </a:lnTo>
                <a:lnTo>
                  <a:pt x="228241" y="1014651"/>
                </a:lnTo>
                <a:cubicBezTo>
                  <a:pt x="226194" y="1005458"/>
                  <a:pt x="223902" y="996068"/>
                  <a:pt x="221524" y="986461"/>
                </a:cubicBezTo>
                <a:lnTo>
                  <a:pt x="26381" y="1121399"/>
                </a:lnTo>
                <a:lnTo>
                  <a:pt x="0" y="912552"/>
                </a:lnTo>
                <a:lnTo>
                  <a:pt x="162681" y="756465"/>
                </a:lnTo>
                <a:lnTo>
                  <a:pt x="163137" y="757906"/>
                </a:lnTo>
                <a:lnTo>
                  <a:pt x="165881" y="748957"/>
                </a:lnTo>
                <a:cubicBezTo>
                  <a:pt x="117348" y="521774"/>
                  <a:pt x="87568" y="246912"/>
                  <a:pt x="196200" y="0"/>
                </a:cubicBezTo>
                <a:close/>
              </a:path>
            </a:pathLst>
          </a:cu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20" name="Rectangle 19"/>
          <p:cNvSpPr/>
          <p:nvPr/>
        </p:nvSpPr>
        <p:spPr>
          <a:xfrm>
            <a:off x="1207294" y="2703006"/>
            <a:ext cx="189467" cy="2440493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sp>
        <p:nvSpPr>
          <p:cNvPr id="24" name="Freeform 23"/>
          <p:cNvSpPr/>
          <p:nvPr/>
        </p:nvSpPr>
        <p:spPr>
          <a:xfrm>
            <a:off x="1152890" y="337835"/>
            <a:ext cx="298274" cy="244742"/>
          </a:xfrm>
          <a:custGeom>
            <a:avLst/>
            <a:gdLst/>
            <a:ahLst/>
            <a:cxnLst/>
            <a:rect l="l" t="t" r="r" b="b"/>
            <a:pathLst>
              <a:path w="298274" h="244742">
                <a:moveTo>
                  <a:pt x="147328" y="0"/>
                </a:moveTo>
                <a:cubicBezTo>
                  <a:pt x="212319" y="65590"/>
                  <a:pt x="261867" y="134854"/>
                  <a:pt x="298274" y="206570"/>
                </a:cubicBezTo>
                <a:cubicBezTo>
                  <a:pt x="205418" y="258299"/>
                  <a:pt x="92251" y="257374"/>
                  <a:pt x="0" y="204273"/>
                </a:cubicBezTo>
                <a:cubicBezTo>
                  <a:pt x="35363" y="132633"/>
                  <a:pt x="83678" y="64016"/>
                  <a:pt x="147328" y="0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/>
          </a:p>
        </p:txBody>
      </p:sp>
      <p:sp>
        <p:nvSpPr>
          <p:cNvPr id="67" name="Rectangle 6"/>
          <p:cNvSpPr/>
          <p:nvPr/>
        </p:nvSpPr>
        <p:spPr>
          <a:xfrm>
            <a:off x="3060504" y="1383693"/>
            <a:ext cx="5480860" cy="898451"/>
          </a:xfrm>
          <a:prstGeom prst="rect">
            <a:avLst/>
          </a:prstGeom>
          <a:noFill/>
          <a:ln w="25400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>
                  <a:lumMod val="65000"/>
                  <a:lumOff val="35000"/>
                </a:schemeClr>
              </a:solidFill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68" name="Group 8"/>
          <p:cNvGrpSpPr/>
          <p:nvPr/>
        </p:nvGrpSpPr>
        <p:grpSpPr>
          <a:xfrm>
            <a:off x="3263981" y="1447861"/>
            <a:ext cx="5040560" cy="695187"/>
            <a:chOff x="2175371" y="1762964"/>
            <a:chExt cx="5040560" cy="753264"/>
          </a:xfrm>
        </p:grpSpPr>
        <p:sp>
          <p:nvSpPr>
            <p:cNvPr id="69" name="TextBox 10"/>
            <p:cNvSpPr txBox="1"/>
            <p:nvPr/>
          </p:nvSpPr>
          <p:spPr bwMode="auto">
            <a:xfrm>
              <a:off x="2175371" y="1762964"/>
              <a:ext cx="5040560" cy="322659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400" b="1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Мы не разрушаем!</a:t>
              </a:r>
              <a:endParaRPr lang="en-US" altLang="ko-KR" sz="1400" b="1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  <p:sp>
          <p:nvSpPr>
            <p:cNvPr id="70" name="TextBox 69"/>
            <p:cNvSpPr txBox="1"/>
            <p:nvPr/>
          </p:nvSpPr>
          <p:spPr bwMode="auto">
            <a:xfrm>
              <a:off x="2175371" y="2032239"/>
              <a:ext cx="5040560" cy="483989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200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Внедряем производственные циклы нефтепереработки в существующие НПЗ</a:t>
              </a:r>
              <a:endParaRPr lang="ko-KR" altLang="en-US" sz="1200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</p:grpSp>
      <p:sp>
        <p:nvSpPr>
          <p:cNvPr id="71" name="Chevron 11"/>
          <p:cNvSpPr/>
          <p:nvPr/>
        </p:nvSpPr>
        <p:spPr>
          <a:xfrm rot="16200000">
            <a:off x="2096802" y="1250137"/>
            <a:ext cx="838984" cy="792088"/>
          </a:xfrm>
          <a:prstGeom prst="chevron">
            <a:avLst>
              <a:gd name="adj" fmla="val 33915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2" name="TextBox 71"/>
          <p:cNvSpPr txBox="1"/>
          <p:nvPr/>
        </p:nvSpPr>
        <p:spPr>
          <a:xfrm>
            <a:off x="2239223" y="1341441"/>
            <a:ext cx="55414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2400" b="1" dirty="0" smtClean="0">
                <a:solidFill>
                  <a:schemeClr val="bg1"/>
                </a:solidFill>
                <a:cs typeface="Arial" pitchFamily="34" charset="0"/>
              </a:rPr>
              <a:t>0</a:t>
            </a:r>
            <a:r>
              <a:rPr lang="ru-RU" altLang="ko-KR" sz="2400" b="1" dirty="0">
                <a:solidFill>
                  <a:schemeClr val="bg1"/>
                </a:solidFill>
                <a:cs typeface="Arial" pitchFamily="34" charset="0"/>
              </a:rPr>
              <a:t>1</a:t>
            </a:r>
            <a:endParaRPr lang="ko-KR" altLang="en-US" sz="2400" b="1" dirty="0">
              <a:solidFill>
                <a:schemeClr val="bg1"/>
              </a:solidFill>
              <a:cs typeface="Arial" pitchFamily="34" charset="0"/>
            </a:endParaRPr>
          </a:p>
        </p:txBody>
      </p:sp>
      <p:sp>
        <p:nvSpPr>
          <p:cNvPr id="73" name="Rectangle 28"/>
          <p:cNvSpPr/>
          <p:nvPr/>
        </p:nvSpPr>
        <p:spPr>
          <a:xfrm>
            <a:off x="3060504" y="2519153"/>
            <a:ext cx="5480860" cy="944755"/>
          </a:xfrm>
          <a:prstGeom prst="rect">
            <a:avLst/>
          </a:prstGeom>
          <a:noFill/>
          <a:ln w="25400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>
                  <a:lumMod val="65000"/>
                  <a:lumOff val="35000"/>
                </a:schemeClr>
              </a:solidFill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74" name="Group 29"/>
          <p:cNvGrpSpPr/>
          <p:nvPr/>
        </p:nvGrpSpPr>
        <p:grpSpPr>
          <a:xfrm>
            <a:off x="3263981" y="2583322"/>
            <a:ext cx="5040560" cy="753264"/>
            <a:chOff x="2175371" y="1762964"/>
            <a:chExt cx="5040560" cy="753264"/>
          </a:xfrm>
        </p:grpSpPr>
        <p:sp>
          <p:nvSpPr>
            <p:cNvPr id="75" name="TextBox 10"/>
            <p:cNvSpPr txBox="1"/>
            <p:nvPr/>
          </p:nvSpPr>
          <p:spPr bwMode="auto">
            <a:xfrm>
              <a:off x="2175371" y="1762964"/>
              <a:ext cx="5040560" cy="322659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400" b="1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Запуск полного цикла переработки нефтепродуктов</a:t>
              </a:r>
              <a:endParaRPr lang="en-US" altLang="ko-KR" sz="1400" b="1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  <p:sp>
          <p:nvSpPr>
            <p:cNvPr id="76" name="TextBox 75"/>
            <p:cNvSpPr txBox="1"/>
            <p:nvPr/>
          </p:nvSpPr>
          <p:spPr bwMode="auto">
            <a:xfrm>
              <a:off x="2175371" y="2032239"/>
              <a:ext cx="5040560" cy="483989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200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От анализа качества нефтепродуктов до погрузки упакованного товара, готового к потреблению</a:t>
              </a:r>
              <a:endParaRPr lang="ko-KR" altLang="en-US" sz="1200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</p:grpSp>
      <p:sp>
        <p:nvSpPr>
          <p:cNvPr id="77" name="Chevron 30"/>
          <p:cNvSpPr/>
          <p:nvPr/>
        </p:nvSpPr>
        <p:spPr>
          <a:xfrm rot="16200000">
            <a:off x="2096802" y="2408672"/>
            <a:ext cx="838984" cy="792088"/>
          </a:xfrm>
          <a:prstGeom prst="chevron">
            <a:avLst>
              <a:gd name="adj" fmla="val 33915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8" name="TextBox 77"/>
          <p:cNvSpPr txBox="1"/>
          <p:nvPr/>
        </p:nvSpPr>
        <p:spPr>
          <a:xfrm>
            <a:off x="2239223" y="2476901"/>
            <a:ext cx="55414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2400" b="1" dirty="0" smtClean="0">
                <a:solidFill>
                  <a:schemeClr val="bg1"/>
                </a:solidFill>
                <a:cs typeface="Arial" pitchFamily="34" charset="0"/>
              </a:rPr>
              <a:t>0</a:t>
            </a:r>
            <a:r>
              <a:rPr lang="ru-RU" altLang="ko-KR" sz="2400" b="1" dirty="0">
                <a:solidFill>
                  <a:schemeClr val="bg1"/>
                </a:solidFill>
                <a:cs typeface="Arial" pitchFamily="34" charset="0"/>
              </a:rPr>
              <a:t>2</a:t>
            </a:r>
            <a:endParaRPr lang="ko-KR" altLang="en-US" sz="2400" b="1" dirty="0">
              <a:solidFill>
                <a:schemeClr val="bg1"/>
              </a:solidFill>
              <a:cs typeface="Arial" pitchFamily="34" charset="0"/>
            </a:endParaRPr>
          </a:p>
        </p:txBody>
      </p:sp>
      <p:sp>
        <p:nvSpPr>
          <p:cNvPr id="79" name="Rectangle 35"/>
          <p:cNvSpPr/>
          <p:nvPr/>
        </p:nvSpPr>
        <p:spPr>
          <a:xfrm>
            <a:off x="3077739" y="3700918"/>
            <a:ext cx="5480860" cy="684000"/>
          </a:xfrm>
          <a:prstGeom prst="rect">
            <a:avLst/>
          </a:prstGeom>
          <a:noFill/>
          <a:ln w="25400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>
                  <a:lumMod val="65000"/>
                  <a:lumOff val="35000"/>
                </a:schemeClr>
              </a:solidFill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80" name="Group 36"/>
          <p:cNvGrpSpPr/>
          <p:nvPr/>
        </p:nvGrpSpPr>
        <p:grpSpPr>
          <a:xfrm>
            <a:off x="3216155" y="3733411"/>
            <a:ext cx="5040560" cy="559668"/>
            <a:chOff x="2175371" y="1762964"/>
            <a:chExt cx="5040560" cy="559668"/>
          </a:xfrm>
        </p:grpSpPr>
        <p:sp>
          <p:nvSpPr>
            <p:cNvPr id="81" name="TextBox 10"/>
            <p:cNvSpPr txBox="1"/>
            <p:nvPr/>
          </p:nvSpPr>
          <p:spPr bwMode="auto">
            <a:xfrm>
              <a:off x="2175371" y="1762964"/>
              <a:ext cx="5040560" cy="322659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400" b="1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Автоматизация производственных процессов</a:t>
              </a:r>
              <a:endParaRPr lang="en-US" altLang="ko-KR" sz="1400" b="1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  <p:sp>
          <p:nvSpPr>
            <p:cNvPr id="82" name="TextBox 81"/>
            <p:cNvSpPr txBox="1"/>
            <p:nvPr/>
          </p:nvSpPr>
          <p:spPr bwMode="auto">
            <a:xfrm>
              <a:off x="2175371" y="2032239"/>
              <a:ext cx="5040560" cy="290393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200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Доверяем монотонную работу механическим роботам</a:t>
              </a:r>
              <a:endParaRPr lang="ko-KR" altLang="en-US" sz="1200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</p:grpSp>
      <p:sp>
        <p:nvSpPr>
          <p:cNvPr id="83" name="Chevron 37"/>
          <p:cNvSpPr/>
          <p:nvPr/>
        </p:nvSpPr>
        <p:spPr>
          <a:xfrm rot="16200000">
            <a:off x="2096802" y="3606642"/>
            <a:ext cx="838984" cy="792088"/>
          </a:xfrm>
          <a:prstGeom prst="chevron">
            <a:avLst>
              <a:gd name="adj" fmla="val 33915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84" name="TextBox 83"/>
          <p:cNvSpPr txBox="1"/>
          <p:nvPr/>
        </p:nvSpPr>
        <p:spPr>
          <a:xfrm>
            <a:off x="2285650" y="3733061"/>
            <a:ext cx="55414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2400" b="1" dirty="0" smtClean="0">
                <a:solidFill>
                  <a:schemeClr val="bg1"/>
                </a:solidFill>
                <a:cs typeface="Arial" pitchFamily="34" charset="0"/>
              </a:rPr>
              <a:t>0</a:t>
            </a:r>
            <a:r>
              <a:rPr lang="ru-RU" altLang="ko-KR" sz="2400" b="1" dirty="0">
                <a:solidFill>
                  <a:schemeClr val="bg1"/>
                </a:solidFill>
                <a:cs typeface="Arial" pitchFamily="34" charset="0"/>
              </a:rPr>
              <a:t>3</a:t>
            </a:r>
            <a:endParaRPr lang="ko-KR" altLang="en-US" sz="2400" b="1" dirty="0">
              <a:solidFill>
                <a:schemeClr val="bg1"/>
              </a:solidFill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950559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 txBox="1">
            <a:spLocks/>
          </p:cNvSpPr>
          <p:nvPr/>
        </p:nvSpPr>
        <p:spPr>
          <a:xfrm>
            <a:off x="0" y="483518"/>
            <a:ext cx="9144000" cy="576064"/>
          </a:xfrm>
          <a:prstGeom prst="rect">
            <a:avLst/>
          </a:prstGeom>
        </p:spPr>
        <p:txBody>
          <a:bodyPr anchor="ctr"/>
          <a:lstStyle>
            <a:lvl1pPr algn="ctr" defTabSz="914400" rtl="0" eaLnBrk="1" latinLnBrk="1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US" sz="3600" dirty="0">
              <a:cs typeface="Arial" pitchFamily="34" charset="0"/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2883811" y="983380"/>
            <a:ext cx="5480860" cy="1054894"/>
          </a:xfrm>
          <a:prstGeom prst="rect">
            <a:avLst/>
          </a:prstGeom>
          <a:noFill/>
          <a:ln w="25400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>
                  <a:lumMod val="65000"/>
                  <a:lumOff val="35000"/>
                </a:schemeClr>
              </a:solidFill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9" name="Group 8"/>
          <p:cNvGrpSpPr/>
          <p:nvPr/>
        </p:nvGrpSpPr>
        <p:grpSpPr>
          <a:xfrm>
            <a:off x="3059832" y="948107"/>
            <a:ext cx="5040560" cy="928727"/>
            <a:chOff x="2147915" y="1663521"/>
            <a:chExt cx="5040560" cy="425217"/>
          </a:xfrm>
        </p:grpSpPr>
        <p:sp>
          <p:nvSpPr>
            <p:cNvPr id="10" name="TextBox 10"/>
            <p:cNvSpPr txBox="1"/>
            <p:nvPr/>
          </p:nvSpPr>
          <p:spPr bwMode="auto">
            <a:xfrm>
              <a:off x="2147915" y="1663521"/>
              <a:ext cx="5040560" cy="298858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400" b="1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Полное внедрение производства в вашу инфраструктуру</a:t>
              </a:r>
              <a:endParaRPr lang="en-US" altLang="ko-KR" sz="1400" b="1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  <p:sp>
          <p:nvSpPr>
            <p:cNvPr id="11" name="TextBox 10"/>
            <p:cNvSpPr txBox="1"/>
            <p:nvPr/>
          </p:nvSpPr>
          <p:spPr bwMode="auto">
            <a:xfrm>
              <a:off x="2147915" y="1867144"/>
              <a:ext cx="5040560" cy="221594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200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Быстровозводимые конструкции, передовые отечественные роботизированные системы </a:t>
              </a:r>
              <a:r>
                <a:rPr lang="ru-RU" altLang="ko-KR" sz="1200" dirty="0" err="1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итд</a:t>
              </a:r>
              <a:endParaRPr lang="ko-KR" altLang="en-US" sz="1200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</p:grpSp>
      <p:sp>
        <p:nvSpPr>
          <p:cNvPr id="12" name="Chevron 11"/>
          <p:cNvSpPr/>
          <p:nvPr/>
        </p:nvSpPr>
        <p:spPr>
          <a:xfrm rot="16200000">
            <a:off x="1920182" y="1006828"/>
            <a:ext cx="838984" cy="792088"/>
          </a:xfrm>
          <a:prstGeom prst="chevron">
            <a:avLst>
              <a:gd name="adj" fmla="val 33915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13" name="TextBox 12"/>
          <p:cNvSpPr txBox="1"/>
          <p:nvPr/>
        </p:nvSpPr>
        <p:spPr>
          <a:xfrm>
            <a:off x="2062603" y="1098132"/>
            <a:ext cx="55414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2400" b="1" dirty="0" smtClean="0">
                <a:solidFill>
                  <a:schemeClr val="bg1"/>
                </a:solidFill>
                <a:cs typeface="Arial" pitchFamily="34" charset="0"/>
              </a:rPr>
              <a:t>0</a:t>
            </a:r>
            <a:r>
              <a:rPr lang="ru-RU" altLang="ko-KR" sz="2400" b="1" dirty="0">
                <a:solidFill>
                  <a:schemeClr val="bg1"/>
                </a:solidFill>
                <a:cs typeface="Arial" pitchFamily="34" charset="0"/>
              </a:rPr>
              <a:t>4</a:t>
            </a:r>
            <a:endParaRPr lang="ko-KR" altLang="en-US" sz="2400" b="1" dirty="0">
              <a:solidFill>
                <a:schemeClr val="bg1"/>
              </a:solidFill>
              <a:cs typeface="Arial" pitchFamily="34" charset="0"/>
            </a:endParaRPr>
          </a:p>
        </p:txBody>
      </p:sp>
      <p:sp>
        <p:nvSpPr>
          <p:cNvPr id="20" name="Rectangle 19"/>
          <p:cNvSpPr/>
          <p:nvPr/>
        </p:nvSpPr>
        <p:spPr>
          <a:xfrm>
            <a:off x="1207294" y="0"/>
            <a:ext cx="189467" cy="5143499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sp>
        <p:nvSpPr>
          <p:cNvPr id="29" name="Rectangle 28"/>
          <p:cNvSpPr/>
          <p:nvPr/>
        </p:nvSpPr>
        <p:spPr>
          <a:xfrm>
            <a:off x="2883884" y="2331320"/>
            <a:ext cx="5480860" cy="684000"/>
          </a:xfrm>
          <a:prstGeom prst="rect">
            <a:avLst/>
          </a:prstGeom>
          <a:noFill/>
          <a:ln w="25400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>
                  <a:lumMod val="65000"/>
                  <a:lumOff val="35000"/>
                </a:schemeClr>
              </a:solidFill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30" name="Group 29"/>
          <p:cNvGrpSpPr/>
          <p:nvPr/>
        </p:nvGrpSpPr>
        <p:grpSpPr>
          <a:xfrm>
            <a:off x="3104034" y="2337577"/>
            <a:ext cx="5040560" cy="508851"/>
            <a:chOff x="2192044" y="1705053"/>
            <a:chExt cx="5040560" cy="508851"/>
          </a:xfrm>
        </p:grpSpPr>
        <p:sp>
          <p:nvSpPr>
            <p:cNvPr id="33" name="TextBox 10"/>
            <p:cNvSpPr txBox="1"/>
            <p:nvPr/>
          </p:nvSpPr>
          <p:spPr bwMode="auto">
            <a:xfrm>
              <a:off x="2192044" y="1705053"/>
              <a:ext cx="5040560" cy="322659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400" b="1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Самая лучшая инвестиция</a:t>
              </a:r>
              <a:endParaRPr lang="en-US" altLang="ko-KR" sz="1400" b="1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  <p:sp>
          <p:nvSpPr>
            <p:cNvPr id="34" name="TextBox 33"/>
            <p:cNvSpPr txBox="1"/>
            <p:nvPr/>
          </p:nvSpPr>
          <p:spPr bwMode="auto">
            <a:xfrm>
              <a:off x="2192044" y="1923511"/>
              <a:ext cx="5040560" cy="290393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200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Ваши доходы вырастут на 1000%</a:t>
              </a:r>
              <a:endParaRPr lang="ko-KR" altLang="en-US" sz="1200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</p:grpSp>
      <p:sp>
        <p:nvSpPr>
          <p:cNvPr id="31" name="Chevron 30"/>
          <p:cNvSpPr/>
          <p:nvPr/>
        </p:nvSpPr>
        <p:spPr>
          <a:xfrm rot="16200000">
            <a:off x="1920182" y="2197763"/>
            <a:ext cx="838984" cy="792088"/>
          </a:xfrm>
          <a:prstGeom prst="chevron">
            <a:avLst>
              <a:gd name="adj" fmla="val 33915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32" name="TextBox 31"/>
          <p:cNvSpPr txBox="1"/>
          <p:nvPr/>
        </p:nvSpPr>
        <p:spPr>
          <a:xfrm>
            <a:off x="2062603" y="2289067"/>
            <a:ext cx="55414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2400" b="1" dirty="0" smtClean="0">
                <a:solidFill>
                  <a:schemeClr val="bg1"/>
                </a:solidFill>
                <a:cs typeface="Arial" pitchFamily="34" charset="0"/>
              </a:rPr>
              <a:t>0</a:t>
            </a:r>
            <a:r>
              <a:rPr lang="ru-RU" altLang="ko-KR" sz="2400" b="1" dirty="0">
                <a:solidFill>
                  <a:schemeClr val="bg1"/>
                </a:solidFill>
                <a:cs typeface="Arial" pitchFamily="34" charset="0"/>
              </a:rPr>
              <a:t>5</a:t>
            </a:r>
            <a:endParaRPr lang="ko-KR" altLang="en-US" sz="2400" b="1" dirty="0">
              <a:solidFill>
                <a:schemeClr val="bg1"/>
              </a:solidFill>
              <a:cs typeface="Arial" pitchFamily="34" charset="0"/>
            </a:endParaRPr>
          </a:p>
        </p:txBody>
      </p:sp>
      <p:sp>
        <p:nvSpPr>
          <p:cNvPr id="36" name="Rectangle 35"/>
          <p:cNvSpPr/>
          <p:nvPr/>
        </p:nvSpPr>
        <p:spPr>
          <a:xfrm>
            <a:off x="2900557" y="3390746"/>
            <a:ext cx="5480860" cy="1125219"/>
          </a:xfrm>
          <a:prstGeom prst="rect">
            <a:avLst/>
          </a:prstGeom>
          <a:noFill/>
          <a:ln w="25400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>
                  <a:lumMod val="65000"/>
                  <a:lumOff val="35000"/>
                </a:schemeClr>
              </a:solidFill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37" name="Group 36"/>
          <p:cNvGrpSpPr/>
          <p:nvPr/>
        </p:nvGrpSpPr>
        <p:grpSpPr>
          <a:xfrm>
            <a:off x="3104034" y="3330583"/>
            <a:ext cx="5040560" cy="1095955"/>
            <a:chOff x="2175371" y="1638632"/>
            <a:chExt cx="5040560" cy="1095955"/>
          </a:xfrm>
        </p:grpSpPr>
        <p:sp>
          <p:nvSpPr>
            <p:cNvPr id="40" name="TextBox 10"/>
            <p:cNvSpPr txBox="1"/>
            <p:nvPr/>
          </p:nvSpPr>
          <p:spPr bwMode="auto">
            <a:xfrm>
              <a:off x="2175371" y="1638632"/>
              <a:ext cx="5040560" cy="322659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400" b="1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Непосредственное участие в развитии отечества</a:t>
              </a:r>
              <a:endParaRPr lang="en-US" altLang="ko-KR" sz="1400" b="1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  <p:sp>
          <p:nvSpPr>
            <p:cNvPr id="41" name="TextBox 40"/>
            <p:cNvSpPr txBox="1"/>
            <p:nvPr/>
          </p:nvSpPr>
          <p:spPr bwMode="auto">
            <a:xfrm>
              <a:off x="2175371" y="1863407"/>
              <a:ext cx="5040560" cy="871180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200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Делай свой качественный товар за доступную цену для Россиян. Это повысит потребительские возможности граждан, а так же увеличит ВВП страны в том числе и из за уменьшения расходов у малого бизнеса</a:t>
              </a:r>
              <a:endParaRPr lang="ru-RU" altLang="ko-KR" sz="1200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</p:grpSp>
      <p:sp>
        <p:nvSpPr>
          <p:cNvPr id="38" name="Chevron 37"/>
          <p:cNvSpPr/>
          <p:nvPr/>
        </p:nvSpPr>
        <p:spPr>
          <a:xfrm rot="16200000">
            <a:off x="1936855" y="3257190"/>
            <a:ext cx="838984" cy="792088"/>
          </a:xfrm>
          <a:prstGeom prst="chevron">
            <a:avLst>
              <a:gd name="adj" fmla="val 33915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39" name="TextBox 38"/>
          <p:cNvSpPr txBox="1"/>
          <p:nvPr/>
        </p:nvSpPr>
        <p:spPr>
          <a:xfrm>
            <a:off x="2079276" y="3348494"/>
            <a:ext cx="55414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2400" b="1" dirty="0" smtClean="0">
                <a:solidFill>
                  <a:schemeClr val="bg1"/>
                </a:solidFill>
                <a:cs typeface="Arial" pitchFamily="34" charset="0"/>
              </a:rPr>
              <a:t>0</a:t>
            </a:r>
            <a:r>
              <a:rPr lang="ru-RU" altLang="ko-KR" sz="2400" b="1" dirty="0">
                <a:solidFill>
                  <a:schemeClr val="bg1"/>
                </a:solidFill>
                <a:cs typeface="Arial" pitchFamily="34" charset="0"/>
              </a:rPr>
              <a:t>6</a:t>
            </a:r>
            <a:endParaRPr lang="ko-KR" altLang="en-US" sz="2400" b="1" dirty="0">
              <a:solidFill>
                <a:schemeClr val="bg1"/>
              </a:solidFill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731292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 txBox="1">
            <a:spLocks/>
          </p:cNvSpPr>
          <p:nvPr/>
        </p:nvSpPr>
        <p:spPr>
          <a:xfrm>
            <a:off x="0" y="483518"/>
            <a:ext cx="9144000" cy="576064"/>
          </a:xfrm>
          <a:prstGeom prst="rect">
            <a:avLst/>
          </a:prstGeom>
        </p:spPr>
        <p:txBody>
          <a:bodyPr anchor="ctr"/>
          <a:lstStyle>
            <a:lvl1pPr algn="ctr" defTabSz="914400" rtl="0" eaLnBrk="1" latinLnBrk="1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US" sz="3600" dirty="0">
              <a:cs typeface="Arial" pitchFamily="34" charset="0"/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2961750" y="1097807"/>
            <a:ext cx="5480860" cy="893624"/>
          </a:xfrm>
          <a:prstGeom prst="rect">
            <a:avLst/>
          </a:prstGeom>
          <a:noFill/>
          <a:ln w="25400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>
                  <a:lumMod val="65000"/>
                  <a:lumOff val="35000"/>
                </a:schemeClr>
              </a:solidFill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9" name="Group 8"/>
          <p:cNvGrpSpPr/>
          <p:nvPr/>
        </p:nvGrpSpPr>
        <p:grpSpPr>
          <a:xfrm>
            <a:off x="3137771" y="1062532"/>
            <a:ext cx="5040560" cy="928899"/>
            <a:chOff x="2147915" y="1663521"/>
            <a:chExt cx="5040560" cy="928899"/>
          </a:xfrm>
        </p:grpSpPr>
        <p:sp>
          <p:nvSpPr>
            <p:cNvPr id="10" name="TextBox 10"/>
            <p:cNvSpPr txBox="1"/>
            <p:nvPr/>
          </p:nvSpPr>
          <p:spPr bwMode="auto">
            <a:xfrm>
              <a:off x="2147915" y="1663521"/>
              <a:ext cx="5040560" cy="322659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400" b="1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С заботой о природе</a:t>
              </a:r>
              <a:endParaRPr lang="en-US" altLang="ko-KR" sz="1400" b="1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  <p:sp>
          <p:nvSpPr>
            <p:cNvPr id="11" name="TextBox 10"/>
            <p:cNvSpPr txBox="1"/>
            <p:nvPr/>
          </p:nvSpPr>
          <p:spPr bwMode="auto">
            <a:xfrm>
              <a:off x="2147915" y="1914835"/>
              <a:ext cx="5040560" cy="677585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200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Наша ниша, очень токсична для природы и мы это понимаем, поэтому создаём процессы защитных механизмов оберегающих природу</a:t>
              </a:r>
              <a:endParaRPr lang="ru-RU" altLang="ko-KR" sz="1200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</p:grpSp>
      <p:sp>
        <p:nvSpPr>
          <p:cNvPr id="12" name="Chevron 11"/>
          <p:cNvSpPr/>
          <p:nvPr/>
        </p:nvSpPr>
        <p:spPr>
          <a:xfrm rot="16200000">
            <a:off x="1998048" y="964250"/>
            <a:ext cx="838984" cy="792088"/>
          </a:xfrm>
          <a:prstGeom prst="chevron">
            <a:avLst>
              <a:gd name="adj" fmla="val 33915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13" name="TextBox 12"/>
          <p:cNvSpPr txBox="1"/>
          <p:nvPr/>
        </p:nvSpPr>
        <p:spPr>
          <a:xfrm>
            <a:off x="2140469" y="1055554"/>
            <a:ext cx="55414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2400" b="1" dirty="0" smtClean="0">
                <a:solidFill>
                  <a:schemeClr val="bg1"/>
                </a:solidFill>
                <a:cs typeface="Arial" pitchFamily="34" charset="0"/>
              </a:rPr>
              <a:t>0</a:t>
            </a:r>
            <a:r>
              <a:rPr lang="ru-RU" altLang="ko-KR" sz="2400" b="1" dirty="0">
                <a:solidFill>
                  <a:schemeClr val="bg1"/>
                </a:solidFill>
                <a:cs typeface="Arial" pitchFamily="34" charset="0"/>
              </a:rPr>
              <a:t>7</a:t>
            </a:r>
            <a:endParaRPr lang="ko-KR" altLang="en-US" sz="2400" b="1" dirty="0">
              <a:solidFill>
                <a:schemeClr val="bg1"/>
              </a:solidFill>
              <a:cs typeface="Arial" pitchFamily="34" charset="0"/>
            </a:endParaRPr>
          </a:p>
        </p:txBody>
      </p:sp>
      <p:sp>
        <p:nvSpPr>
          <p:cNvPr id="20" name="Rectangle 19"/>
          <p:cNvSpPr/>
          <p:nvPr/>
        </p:nvSpPr>
        <p:spPr>
          <a:xfrm>
            <a:off x="1207294" y="0"/>
            <a:ext cx="189467" cy="5143499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lang="ko-KR" altLang="en-US">
              <a:solidFill>
                <a:schemeClr val="tx1"/>
              </a:solidFill>
            </a:endParaRPr>
          </a:p>
        </p:txBody>
      </p:sp>
      <p:sp>
        <p:nvSpPr>
          <p:cNvPr id="29" name="Rectangle 28"/>
          <p:cNvSpPr/>
          <p:nvPr/>
        </p:nvSpPr>
        <p:spPr>
          <a:xfrm>
            <a:off x="2956778" y="2264840"/>
            <a:ext cx="5480860" cy="841173"/>
          </a:xfrm>
          <a:prstGeom prst="rect">
            <a:avLst/>
          </a:prstGeom>
          <a:noFill/>
          <a:ln w="25400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>
                  <a:lumMod val="65000"/>
                  <a:lumOff val="35000"/>
                </a:schemeClr>
              </a:solidFill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30" name="Group 29"/>
          <p:cNvGrpSpPr/>
          <p:nvPr/>
        </p:nvGrpSpPr>
        <p:grpSpPr>
          <a:xfrm>
            <a:off x="3176928" y="2271098"/>
            <a:ext cx="5040560" cy="702447"/>
            <a:chOff x="2192044" y="1705053"/>
            <a:chExt cx="5040560" cy="702447"/>
          </a:xfrm>
        </p:grpSpPr>
        <p:sp>
          <p:nvSpPr>
            <p:cNvPr id="33" name="TextBox 10"/>
            <p:cNvSpPr txBox="1"/>
            <p:nvPr/>
          </p:nvSpPr>
          <p:spPr bwMode="auto">
            <a:xfrm>
              <a:off x="2192044" y="1705053"/>
              <a:ext cx="5040560" cy="322659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400" b="1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Модульная платформа производства</a:t>
              </a:r>
              <a:endParaRPr lang="en-US" altLang="ko-KR" sz="1400" b="1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  <p:sp>
          <p:nvSpPr>
            <p:cNvPr id="34" name="TextBox 33"/>
            <p:cNvSpPr txBox="1"/>
            <p:nvPr/>
          </p:nvSpPr>
          <p:spPr bwMode="auto">
            <a:xfrm>
              <a:off x="2192044" y="1923511"/>
              <a:ext cx="5040560" cy="483989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200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Производите, что угодно – производственные линии можно добавлять к уже существующим с течением времени</a:t>
              </a:r>
              <a:endParaRPr lang="ru-RU" altLang="ko-KR" sz="1200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</p:grpSp>
      <p:sp>
        <p:nvSpPr>
          <p:cNvPr id="31" name="Chevron 30"/>
          <p:cNvSpPr/>
          <p:nvPr/>
        </p:nvSpPr>
        <p:spPr>
          <a:xfrm rot="16200000">
            <a:off x="1993076" y="2131284"/>
            <a:ext cx="838984" cy="792088"/>
          </a:xfrm>
          <a:prstGeom prst="chevron">
            <a:avLst>
              <a:gd name="adj" fmla="val 33915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32" name="TextBox 31"/>
          <p:cNvSpPr txBox="1"/>
          <p:nvPr/>
        </p:nvSpPr>
        <p:spPr>
          <a:xfrm>
            <a:off x="2135497" y="2222588"/>
            <a:ext cx="55414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altLang="ko-KR" sz="2400" b="1" dirty="0" smtClean="0">
                <a:solidFill>
                  <a:schemeClr val="bg1"/>
                </a:solidFill>
                <a:cs typeface="Arial" pitchFamily="34" charset="0"/>
              </a:rPr>
              <a:t>08</a:t>
            </a:r>
            <a:endParaRPr lang="ko-KR" altLang="en-US" sz="2400" b="1" dirty="0">
              <a:solidFill>
                <a:schemeClr val="bg1"/>
              </a:solidFill>
              <a:cs typeface="Arial" pitchFamily="34" charset="0"/>
            </a:endParaRPr>
          </a:p>
        </p:txBody>
      </p:sp>
      <p:sp>
        <p:nvSpPr>
          <p:cNvPr id="36" name="Rectangle 35"/>
          <p:cNvSpPr/>
          <p:nvPr/>
        </p:nvSpPr>
        <p:spPr>
          <a:xfrm>
            <a:off x="2956778" y="3340461"/>
            <a:ext cx="5480860" cy="684000"/>
          </a:xfrm>
          <a:prstGeom prst="rect">
            <a:avLst/>
          </a:prstGeom>
          <a:noFill/>
          <a:ln w="25400">
            <a:solidFill>
              <a:schemeClr val="tx1">
                <a:lumMod val="75000"/>
                <a:lumOff val="2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>
                  <a:lumMod val="65000"/>
                  <a:lumOff val="35000"/>
                </a:schemeClr>
              </a:solidFill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37" name="Group 36"/>
          <p:cNvGrpSpPr/>
          <p:nvPr/>
        </p:nvGrpSpPr>
        <p:grpSpPr>
          <a:xfrm>
            <a:off x="3176928" y="3359802"/>
            <a:ext cx="5040560" cy="570060"/>
            <a:chOff x="2192044" y="1718137"/>
            <a:chExt cx="5040560" cy="570060"/>
          </a:xfrm>
        </p:grpSpPr>
        <p:sp>
          <p:nvSpPr>
            <p:cNvPr id="40" name="TextBox 10"/>
            <p:cNvSpPr txBox="1"/>
            <p:nvPr/>
          </p:nvSpPr>
          <p:spPr bwMode="auto">
            <a:xfrm>
              <a:off x="2192044" y="1718137"/>
              <a:ext cx="5040560" cy="322659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400" b="1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Любые транспортные интеграции</a:t>
              </a:r>
              <a:endParaRPr lang="en-US" altLang="ko-KR" sz="1400" b="1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  <p:sp>
          <p:nvSpPr>
            <p:cNvPr id="41" name="TextBox 40"/>
            <p:cNvSpPr txBox="1"/>
            <p:nvPr/>
          </p:nvSpPr>
          <p:spPr bwMode="auto">
            <a:xfrm>
              <a:off x="2192044" y="1997804"/>
              <a:ext cx="5040560" cy="290393"/>
            </a:xfrm>
            <a:prstGeom prst="round2SameRect">
              <a:avLst/>
            </a:prstGeom>
            <a:noFill/>
            <a:effectLst/>
          </p:spPr>
          <p:txBody>
            <a:bodyPr wrap="square">
              <a:spAutoFit/>
            </a:bodyPr>
            <a:lstStyle>
              <a:defPPr>
                <a:defRPr lang="ko-KR"/>
              </a:defPPr>
              <a:lvl1pPr marL="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1" hangingPunct="1">
                <a:defRPr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>
                <a:defRPr/>
              </a:pPr>
              <a:r>
                <a:rPr lang="ru-RU" altLang="ko-KR" sz="1200" dirty="0" smtClean="0">
                  <a:solidFill>
                    <a:schemeClr val="tx1">
                      <a:lumMod val="65000"/>
                      <a:lumOff val="35000"/>
                    </a:schemeClr>
                  </a:solidFill>
                  <a:cs typeface="Arial" pitchFamily="34" charset="0"/>
                </a:rPr>
                <a:t>Внедрим производство под вывоз ввоз на ЖД, Авто, Авиа …</a:t>
              </a:r>
              <a:endParaRPr lang="ru-RU" altLang="ko-KR" sz="1200" dirty="0">
                <a:solidFill>
                  <a:schemeClr val="tx1">
                    <a:lumMod val="65000"/>
                    <a:lumOff val="35000"/>
                  </a:schemeClr>
                </a:solidFill>
                <a:cs typeface="Arial" pitchFamily="34" charset="0"/>
              </a:endParaRPr>
            </a:p>
          </p:txBody>
        </p:sp>
      </p:grpSp>
      <p:sp>
        <p:nvSpPr>
          <p:cNvPr id="38" name="Chevron 37"/>
          <p:cNvSpPr/>
          <p:nvPr/>
        </p:nvSpPr>
        <p:spPr>
          <a:xfrm rot="16200000">
            <a:off x="1993076" y="3206904"/>
            <a:ext cx="838984" cy="792088"/>
          </a:xfrm>
          <a:prstGeom prst="chevron">
            <a:avLst>
              <a:gd name="adj" fmla="val 33915"/>
            </a:avLst>
          </a:prstGeom>
          <a:solidFill>
            <a:schemeClr val="tx1">
              <a:lumMod val="75000"/>
              <a:lumOff val="2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>
              <a:solidFill>
                <a:schemeClr val="tx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39" name="TextBox 38"/>
          <p:cNvSpPr txBox="1"/>
          <p:nvPr/>
        </p:nvSpPr>
        <p:spPr>
          <a:xfrm>
            <a:off x="2135497" y="3298208"/>
            <a:ext cx="554143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altLang="ko-KR" sz="2400" b="1" dirty="0" smtClean="0">
                <a:solidFill>
                  <a:schemeClr val="bg1"/>
                </a:solidFill>
                <a:cs typeface="Arial" pitchFamily="34" charset="0"/>
              </a:rPr>
              <a:t>09</a:t>
            </a:r>
            <a:endParaRPr lang="ko-KR" altLang="en-US" sz="2400" b="1" dirty="0">
              <a:solidFill>
                <a:schemeClr val="bg1"/>
              </a:solidFill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501516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ru-RU" altLang="ko-KR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Внедрение производств на НПЗ</a:t>
            </a:r>
            <a:endParaRPr lang="ko-KR" altLang="en-US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pPr lvl="0"/>
            <a:r>
              <a:rPr lang="ru-RU" dirty="0" smtClean="0"/>
              <a:t>Решение, которое сделает Россию Великой!</a:t>
            </a:r>
            <a:endParaRPr lang="en-US" altLang="ko-KR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grpSp>
        <p:nvGrpSpPr>
          <p:cNvPr id="6" name="Group 5"/>
          <p:cNvGrpSpPr/>
          <p:nvPr/>
        </p:nvGrpSpPr>
        <p:grpSpPr>
          <a:xfrm rot="2700000">
            <a:off x="5043667" y="862823"/>
            <a:ext cx="472578" cy="879828"/>
            <a:chOff x="6783521" y="1654812"/>
            <a:chExt cx="726841" cy="1353205"/>
          </a:xfrm>
        </p:grpSpPr>
        <p:sp>
          <p:nvSpPr>
            <p:cNvPr id="8" name="Freeform 7"/>
            <p:cNvSpPr/>
            <p:nvPr/>
          </p:nvSpPr>
          <p:spPr>
            <a:xfrm>
              <a:off x="6783521" y="1886618"/>
              <a:ext cx="726841" cy="1121399"/>
            </a:xfrm>
            <a:custGeom>
              <a:avLst/>
              <a:gdLst/>
              <a:ahLst/>
              <a:cxnLst/>
              <a:rect l="l" t="t" r="r" b="b"/>
              <a:pathLst>
                <a:path w="726841" h="1121399">
                  <a:moveTo>
                    <a:pt x="236325" y="1049494"/>
                  </a:moveTo>
                  <a:lnTo>
                    <a:pt x="495287" y="1049494"/>
                  </a:lnTo>
                  <a:cubicBezTo>
                    <a:pt x="491080" y="1064561"/>
                    <a:pt x="487966" y="1079199"/>
                    <a:pt x="485273" y="1093187"/>
                  </a:cubicBezTo>
                  <a:lnTo>
                    <a:pt x="245258" y="1092728"/>
                  </a:lnTo>
                  <a:close/>
                  <a:moveTo>
                    <a:pt x="363421" y="203844"/>
                  </a:moveTo>
                  <a:cubicBezTo>
                    <a:pt x="401307" y="203844"/>
                    <a:pt x="432020" y="234557"/>
                    <a:pt x="432020" y="272443"/>
                  </a:cubicBezTo>
                  <a:cubicBezTo>
                    <a:pt x="432020" y="310329"/>
                    <a:pt x="401307" y="341042"/>
                    <a:pt x="363421" y="341042"/>
                  </a:cubicBezTo>
                  <a:cubicBezTo>
                    <a:pt x="325534" y="341042"/>
                    <a:pt x="294821" y="310329"/>
                    <a:pt x="294821" y="272443"/>
                  </a:cubicBezTo>
                  <a:cubicBezTo>
                    <a:pt x="294821" y="234557"/>
                    <a:pt x="325534" y="203844"/>
                    <a:pt x="363421" y="203844"/>
                  </a:cubicBezTo>
                  <a:close/>
                  <a:moveTo>
                    <a:pt x="363421" y="135244"/>
                  </a:moveTo>
                  <a:cubicBezTo>
                    <a:pt x="287648" y="135244"/>
                    <a:pt x="226222" y="196671"/>
                    <a:pt x="226222" y="272443"/>
                  </a:cubicBezTo>
                  <a:cubicBezTo>
                    <a:pt x="226222" y="348216"/>
                    <a:pt x="287648" y="409642"/>
                    <a:pt x="363421" y="409642"/>
                  </a:cubicBezTo>
                  <a:cubicBezTo>
                    <a:pt x="439193" y="409642"/>
                    <a:pt x="500619" y="348216"/>
                    <a:pt x="500619" y="272443"/>
                  </a:cubicBezTo>
                  <a:cubicBezTo>
                    <a:pt x="500619" y="196671"/>
                    <a:pt x="439193" y="135244"/>
                    <a:pt x="363421" y="135244"/>
                  </a:cubicBezTo>
                  <a:close/>
                  <a:moveTo>
                    <a:pt x="196200" y="0"/>
                  </a:moveTo>
                  <a:cubicBezTo>
                    <a:pt x="300307" y="58658"/>
                    <a:pt x="427219" y="59450"/>
                    <a:pt x="531959" y="2129"/>
                  </a:cubicBezTo>
                  <a:cubicBezTo>
                    <a:pt x="645195" y="251105"/>
                    <a:pt x="615578" y="521951"/>
                    <a:pt x="565642" y="749813"/>
                  </a:cubicBezTo>
                  <a:lnTo>
                    <a:pt x="726841" y="904479"/>
                  </a:lnTo>
                  <a:lnTo>
                    <a:pt x="700460" y="1113326"/>
                  </a:lnTo>
                  <a:lnTo>
                    <a:pt x="510728" y="982128"/>
                  </a:lnTo>
                  <a:lnTo>
                    <a:pt x="503274" y="1014651"/>
                  </a:lnTo>
                  <a:lnTo>
                    <a:pt x="228241" y="1014651"/>
                  </a:lnTo>
                  <a:cubicBezTo>
                    <a:pt x="226194" y="1005458"/>
                    <a:pt x="223902" y="996068"/>
                    <a:pt x="221524" y="986461"/>
                  </a:cubicBezTo>
                  <a:lnTo>
                    <a:pt x="26381" y="1121399"/>
                  </a:lnTo>
                  <a:lnTo>
                    <a:pt x="0" y="912552"/>
                  </a:lnTo>
                  <a:lnTo>
                    <a:pt x="162681" y="756465"/>
                  </a:lnTo>
                  <a:lnTo>
                    <a:pt x="163137" y="757906"/>
                  </a:lnTo>
                  <a:lnTo>
                    <a:pt x="165881" y="748957"/>
                  </a:lnTo>
                  <a:cubicBezTo>
                    <a:pt x="117348" y="521774"/>
                    <a:pt x="87568" y="246912"/>
                    <a:pt x="196200" y="0"/>
                  </a:cubicBezTo>
                  <a:close/>
                </a:path>
              </a:pathLst>
            </a:custGeom>
            <a:solidFill>
              <a:schemeClr val="tx1">
                <a:lumMod val="75000"/>
                <a:lumOff val="2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/>
            </a:p>
          </p:txBody>
        </p:sp>
        <p:sp>
          <p:nvSpPr>
            <p:cNvPr id="9" name="Freeform 8"/>
            <p:cNvSpPr/>
            <p:nvPr/>
          </p:nvSpPr>
          <p:spPr>
            <a:xfrm>
              <a:off x="6997804" y="1654812"/>
              <a:ext cx="298274" cy="244742"/>
            </a:xfrm>
            <a:custGeom>
              <a:avLst/>
              <a:gdLst/>
              <a:ahLst/>
              <a:cxnLst/>
              <a:rect l="l" t="t" r="r" b="b"/>
              <a:pathLst>
                <a:path w="298274" h="244742">
                  <a:moveTo>
                    <a:pt x="147328" y="0"/>
                  </a:moveTo>
                  <a:cubicBezTo>
                    <a:pt x="212319" y="65590"/>
                    <a:pt x="261867" y="134854"/>
                    <a:pt x="298274" y="206570"/>
                  </a:cubicBezTo>
                  <a:cubicBezTo>
                    <a:pt x="205418" y="258299"/>
                    <a:pt x="92251" y="257374"/>
                    <a:pt x="0" y="204273"/>
                  </a:cubicBezTo>
                  <a:cubicBezTo>
                    <a:pt x="35363" y="132633"/>
                    <a:pt x="83678" y="64016"/>
                    <a:pt x="147328" y="0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ko-KR" altLang="en-US" dirty="0"/>
            </a:p>
          </p:txBody>
        </p:sp>
      </p:grpSp>
      <p:grpSp>
        <p:nvGrpSpPr>
          <p:cNvPr id="28" name="Group 27"/>
          <p:cNvGrpSpPr/>
          <p:nvPr/>
        </p:nvGrpSpPr>
        <p:grpSpPr>
          <a:xfrm>
            <a:off x="3092854" y="1578073"/>
            <a:ext cx="3277252" cy="2940710"/>
            <a:chOff x="2875611" y="1828800"/>
            <a:chExt cx="3277252" cy="2940710"/>
          </a:xfrm>
        </p:grpSpPr>
        <p:sp>
          <p:nvSpPr>
            <p:cNvPr id="17" name="Freeform 16"/>
            <p:cNvSpPr/>
            <p:nvPr/>
          </p:nvSpPr>
          <p:spPr>
            <a:xfrm>
              <a:off x="4045306" y="3979468"/>
              <a:ext cx="1411833" cy="790042"/>
            </a:xfrm>
            <a:custGeom>
              <a:avLst/>
              <a:gdLst>
                <a:gd name="connsiteX0" fmla="*/ 1404518 w 1411833"/>
                <a:gd name="connsiteY0" fmla="*/ 585216 h 790042"/>
                <a:gd name="connsiteX1" fmla="*/ 0 w 1411833"/>
                <a:gd name="connsiteY1" fmla="*/ 790042 h 790042"/>
                <a:gd name="connsiteX2" fmla="*/ 1411833 w 1411833"/>
                <a:gd name="connsiteY2" fmla="*/ 0 h 790042"/>
                <a:gd name="connsiteX3" fmla="*/ 1404518 w 1411833"/>
                <a:gd name="connsiteY3" fmla="*/ 585216 h 7900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1411833" h="790042">
                  <a:moveTo>
                    <a:pt x="1404518" y="585216"/>
                  </a:moveTo>
                  <a:lnTo>
                    <a:pt x="0" y="790042"/>
                  </a:lnTo>
                  <a:lnTo>
                    <a:pt x="1411833" y="0"/>
                  </a:lnTo>
                  <a:cubicBezTo>
                    <a:pt x="1409395" y="195072"/>
                    <a:pt x="1406956" y="390144"/>
                    <a:pt x="1404518" y="585216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ko-KR" altLang="en-US">
                <a:solidFill>
                  <a:schemeClr val="tx1"/>
                </a:solidFill>
              </a:endParaRPr>
            </a:p>
          </p:txBody>
        </p:sp>
        <p:sp>
          <p:nvSpPr>
            <p:cNvPr id="16" name="Freeform 15"/>
            <p:cNvSpPr/>
            <p:nvPr/>
          </p:nvSpPr>
          <p:spPr>
            <a:xfrm>
              <a:off x="2889504" y="3130906"/>
              <a:ext cx="2130190" cy="1046074"/>
            </a:xfrm>
            <a:custGeom>
              <a:avLst/>
              <a:gdLst>
                <a:gd name="connsiteX0" fmla="*/ 2143354 w 2305136"/>
                <a:gd name="connsiteY0" fmla="*/ 1457 h 1069476"/>
                <a:gd name="connsiteX1" fmla="*/ 0 w 2305136"/>
                <a:gd name="connsiteY1" fmla="*/ 440369 h 1069476"/>
                <a:gd name="connsiteX2" fmla="*/ 7316 w 2305136"/>
                <a:gd name="connsiteY2" fmla="*/ 1069476 h 1069476"/>
                <a:gd name="connsiteX3" fmla="*/ 2150669 w 2305136"/>
                <a:gd name="connsiteY3" fmla="*/ 593988 h 1069476"/>
                <a:gd name="connsiteX4" fmla="*/ 2143354 w 2305136"/>
                <a:gd name="connsiteY4" fmla="*/ 1457 h 1069476"/>
                <a:gd name="connsiteX0" fmla="*/ 2143354 w 2259633"/>
                <a:gd name="connsiteY0" fmla="*/ 47501 h 1115520"/>
                <a:gd name="connsiteX1" fmla="*/ 0 w 2259633"/>
                <a:gd name="connsiteY1" fmla="*/ 486413 h 1115520"/>
                <a:gd name="connsiteX2" fmla="*/ 7316 w 2259633"/>
                <a:gd name="connsiteY2" fmla="*/ 1115520 h 1115520"/>
                <a:gd name="connsiteX3" fmla="*/ 2150669 w 2259633"/>
                <a:gd name="connsiteY3" fmla="*/ 640032 h 1115520"/>
                <a:gd name="connsiteX4" fmla="*/ 2143354 w 2259633"/>
                <a:gd name="connsiteY4" fmla="*/ 47501 h 1115520"/>
                <a:gd name="connsiteX0" fmla="*/ 2143354 w 2387606"/>
                <a:gd name="connsiteY0" fmla="*/ 47501 h 1115520"/>
                <a:gd name="connsiteX1" fmla="*/ 0 w 2387606"/>
                <a:gd name="connsiteY1" fmla="*/ 486413 h 1115520"/>
                <a:gd name="connsiteX2" fmla="*/ 7316 w 2387606"/>
                <a:gd name="connsiteY2" fmla="*/ 1115520 h 1115520"/>
                <a:gd name="connsiteX3" fmla="*/ 2150669 w 2387606"/>
                <a:gd name="connsiteY3" fmla="*/ 640032 h 1115520"/>
                <a:gd name="connsiteX4" fmla="*/ 2143354 w 2387606"/>
                <a:gd name="connsiteY4" fmla="*/ 47501 h 1115520"/>
                <a:gd name="connsiteX0" fmla="*/ 2143354 w 2335036"/>
                <a:gd name="connsiteY0" fmla="*/ 84198 h 1152217"/>
                <a:gd name="connsiteX1" fmla="*/ 0 w 2335036"/>
                <a:gd name="connsiteY1" fmla="*/ 523110 h 1152217"/>
                <a:gd name="connsiteX2" fmla="*/ 7316 w 2335036"/>
                <a:gd name="connsiteY2" fmla="*/ 1152217 h 1152217"/>
                <a:gd name="connsiteX3" fmla="*/ 2150669 w 2335036"/>
                <a:gd name="connsiteY3" fmla="*/ 676729 h 1152217"/>
                <a:gd name="connsiteX4" fmla="*/ 2143354 w 2335036"/>
                <a:gd name="connsiteY4" fmla="*/ 84198 h 1152217"/>
                <a:gd name="connsiteX0" fmla="*/ 2143354 w 2307818"/>
                <a:gd name="connsiteY0" fmla="*/ 84198 h 1152217"/>
                <a:gd name="connsiteX1" fmla="*/ 0 w 2307818"/>
                <a:gd name="connsiteY1" fmla="*/ 523110 h 1152217"/>
                <a:gd name="connsiteX2" fmla="*/ 7316 w 2307818"/>
                <a:gd name="connsiteY2" fmla="*/ 1152217 h 1152217"/>
                <a:gd name="connsiteX3" fmla="*/ 2150669 w 2307818"/>
                <a:gd name="connsiteY3" fmla="*/ 676729 h 1152217"/>
                <a:gd name="connsiteX4" fmla="*/ 2143354 w 2307818"/>
                <a:gd name="connsiteY4" fmla="*/ 84198 h 1152217"/>
                <a:gd name="connsiteX0" fmla="*/ 2143354 w 2307818"/>
                <a:gd name="connsiteY0" fmla="*/ 0 h 1068019"/>
                <a:gd name="connsiteX1" fmla="*/ 0 w 2307818"/>
                <a:gd name="connsiteY1" fmla="*/ 438912 h 1068019"/>
                <a:gd name="connsiteX2" fmla="*/ 7316 w 2307818"/>
                <a:gd name="connsiteY2" fmla="*/ 1068019 h 1068019"/>
                <a:gd name="connsiteX3" fmla="*/ 2150669 w 2307818"/>
                <a:gd name="connsiteY3" fmla="*/ 592531 h 1068019"/>
                <a:gd name="connsiteX4" fmla="*/ 2143354 w 2307818"/>
                <a:gd name="connsiteY4" fmla="*/ 0 h 1068019"/>
                <a:gd name="connsiteX0" fmla="*/ 2143354 w 2152136"/>
                <a:gd name="connsiteY0" fmla="*/ 0 h 1068019"/>
                <a:gd name="connsiteX1" fmla="*/ 0 w 2152136"/>
                <a:gd name="connsiteY1" fmla="*/ 438912 h 1068019"/>
                <a:gd name="connsiteX2" fmla="*/ 7316 w 2152136"/>
                <a:gd name="connsiteY2" fmla="*/ 1068019 h 1068019"/>
                <a:gd name="connsiteX3" fmla="*/ 2150669 w 2152136"/>
                <a:gd name="connsiteY3" fmla="*/ 592531 h 1068019"/>
                <a:gd name="connsiteX4" fmla="*/ 2143354 w 2152136"/>
                <a:gd name="connsiteY4" fmla="*/ 0 h 1068019"/>
                <a:gd name="connsiteX0" fmla="*/ 2136250 w 2145032"/>
                <a:gd name="connsiteY0" fmla="*/ 0 h 1068019"/>
                <a:gd name="connsiteX1" fmla="*/ 14842 w 2145032"/>
                <a:gd name="connsiteY1" fmla="*/ 438912 h 1068019"/>
                <a:gd name="connsiteX2" fmla="*/ 212 w 2145032"/>
                <a:gd name="connsiteY2" fmla="*/ 1068019 h 1068019"/>
                <a:gd name="connsiteX3" fmla="*/ 2143565 w 2145032"/>
                <a:gd name="connsiteY3" fmla="*/ 592531 h 1068019"/>
                <a:gd name="connsiteX4" fmla="*/ 2136250 w 2145032"/>
                <a:gd name="connsiteY4" fmla="*/ 0 h 1068019"/>
                <a:gd name="connsiteX0" fmla="*/ 2121408 w 2130190"/>
                <a:gd name="connsiteY0" fmla="*/ 0 h 1075334"/>
                <a:gd name="connsiteX1" fmla="*/ 0 w 2130190"/>
                <a:gd name="connsiteY1" fmla="*/ 438912 h 1075334"/>
                <a:gd name="connsiteX2" fmla="*/ 7316 w 2130190"/>
                <a:gd name="connsiteY2" fmla="*/ 1075334 h 1075334"/>
                <a:gd name="connsiteX3" fmla="*/ 2128723 w 2130190"/>
                <a:gd name="connsiteY3" fmla="*/ 592531 h 1075334"/>
                <a:gd name="connsiteX4" fmla="*/ 2121408 w 2130190"/>
                <a:gd name="connsiteY4" fmla="*/ 0 h 1075334"/>
                <a:gd name="connsiteX0" fmla="*/ 2121408 w 2130190"/>
                <a:gd name="connsiteY0" fmla="*/ 0 h 1046074"/>
                <a:gd name="connsiteX1" fmla="*/ 0 w 2130190"/>
                <a:gd name="connsiteY1" fmla="*/ 438912 h 1046074"/>
                <a:gd name="connsiteX2" fmla="*/ 7316 w 2130190"/>
                <a:gd name="connsiteY2" fmla="*/ 1046074 h 1046074"/>
                <a:gd name="connsiteX3" fmla="*/ 2128723 w 2130190"/>
                <a:gd name="connsiteY3" fmla="*/ 592531 h 1046074"/>
                <a:gd name="connsiteX4" fmla="*/ 2121408 w 2130190"/>
                <a:gd name="connsiteY4" fmla="*/ 0 h 104607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130190" h="1046074">
                  <a:moveTo>
                    <a:pt x="2121408" y="0"/>
                  </a:moveTo>
                  <a:cubicBezTo>
                    <a:pt x="1676664" y="86171"/>
                    <a:pt x="714451" y="292608"/>
                    <a:pt x="0" y="438912"/>
                  </a:cubicBezTo>
                  <a:cubicBezTo>
                    <a:pt x="2439" y="648614"/>
                    <a:pt x="4877" y="836372"/>
                    <a:pt x="7316" y="1046074"/>
                  </a:cubicBezTo>
                  <a:lnTo>
                    <a:pt x="2128723" y="592531"/>
                  </a:lnTo>
                  <a:cubicBezTo>
                    <a:pt x="2133599" y="377952"/>
                    <a:pt x="2125065" y="296265"/>
                    <a:pt x="2121408" y="0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ko-KR" altLang="en-US">
                <a:solidFill>
                  <a:schemeClr val="tx1"/>
                </a:solidFill>
              </a:endParaRPr>
            </a:p>
          </p:txBody>
        </p:sp>
        <p:sp>
          <p:nvSpPr>
            <p:cNvPr id="15" name="Freeform 14"/>
            <p:cNvSpPr/>
            <p:nvPr/>
          </p:nvSpPr>
          <p:spPr>
            <a:xfrm>
              <a:off x="3284525" y="2523744"/>
              <a:ext cx="2867558" cy="877824"/>
            </a:xfrm>
            <a:custGeom>
              <a:avLst/>
              <a:gdLst>
                <a:gd name="connsiteX0" fmla="*/ 0 w 2896820"/>
                <a:gd name="connsiteY0" fmla="*/ 292608 h 607162"/>
                <a:gd name="connsiteX1" fmla="*/ 2874874 w 2896820"/>
                <a:gd name="connsiteY1" fmla="*/ 0 h 607162"/>
                <a:gd name="connsiteX2" fmla="*/ 2896820 w 2896820"/>
                <a:gd name="connsiteY2" fmla="*/ 607162 h 607162"/>
                <a:gd name="connsiteX3" fmla="*/ 1770279 w 2896820"/>
                <a:gd name="connsiteY3" fmla="*/ 599846 h 607162"/>
                <a:gd name="connsiteX4" fmla="*/ 0 w 2896820"/>
                <a:gd name="connsiteY4" fmla="*/ 292608 h 607162"/>
                <a:gd name="connsiteX0" fmla="*/ 0 w 2896820"/>
                <a:gd name="connsiteY0" fmla="*/ 292608 h 877824"/>
                <a:gd name="connsiteX1" fmla="*/ 2874874 w 2896820"/>
                <a:gd name="connsiteY1" fmla="*/ 0 h 877824"/>
                <a:gd name="connsiteX2" fmla="*/ 2896820 w 2896820"/>
                <a:gd name="connsiteY2" fmla="*/ 607162 h 877824"/>
                <a:gd name="connsiteX3" fmla="*/ 14631 w 2896820"/>
                <a:gd name="connsiteY3" fmla="*/ 877824 h 877824"/>
                <a:gd name="connsiteX4" fmla="*/ 0 w 2896820"/>
                <a:gd name="connsiteY4" fmla="*/ 292608 h 877824"/>
                <a:gd name="connsiteX0" fmla="*/ 7315 w 2882189"/>
                <a:gd name="connsiteY0" fmla="*/ 292608 h 877824"/>
                <a:gd name="connsiteX1" fmla="*/ 2860243 w 2882189"/>
                <a:gd name="connsiteY1" fmla="*/ 0 h 877824"/>
                <a:gd name="connsiteX2" fmla="*/ 2882189 w 2882189"/>
                <a:gd name="connsiteY2" fmla="*/ 607162 h 877824"/>
                <a:gd name="connsiteX3" fmla="*/ 0 w 2882189"/>
                <a:gd name="connsiteY3" fmla="*/ 877824 h 877824"/>
                <a:gd name="connsiteX4" fmla="*/ 7315 w 2882189"/>
                <a:gd name="connsiteY4" fmla="*/ 292608 h 877824"/>
                <a:gd name="connsiteX0" fmla="*/ 7315 w 2867558"/>
                <a:gd name="connsiteY0" fmla="*/ 292608 h 877824"/>
                <a:gd name="connsiteX1" fmla="*/ 2860243 w 2867558"/>
                <a:gd name="connsiteY1" fmla="*/ 0 h 877824"/>
                <a:gd name="connsiteX2" fmla="*/ 2867558 w 2867558"/>
                <a:gd name="connsiteY2" fmla="*/ 607162 h 877824"/>
                <a:gd name="connsiteX3" fmla="*/ 0 w 2867558"/>
                <a:gd name="connsiteY3" fmla="*/ 877824 h 877824"/>
                <a:gd name="connsiteX4" fmla="*/ 7315 w 2867558"/>
                <a:gd name="connsiteY4" fmla="*/ 292608 h 87782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867558" h="877824">
                  <a:moveTo>
                    <a:pt x="7315" y="292608"/>
                  </a:moveTo>
                  <a:lnTo>
                    <a:pt x="2860243" y="0"/>
                  </a:lnTo>
                  <a:cubicBezTo>
                    <a:pt x="2862681" y="202387"/>
                    <a:pt x="2865120" y="404775"/>
                    <a:pt x="2867558" y="607162"/>
                  </a:cubicBezTo>
                  <a:lnTo>
                    <a:pt x="0" y="877824"/>
                  </a:lnTo>
                  <a:cubicBezTo>
                    <a:pt x="2438" y="682752"/>
                    <a:pt x="4877" y="487680"/>
                    <a:pt x="7315" y="292608"/>
                  </a:cubicBez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ko-KR" altLang="en-US">
                <a:solidFill>
                  <a:schemeClr val="tx1"/>
                </a:solidFill>
              </a:endParaRPr>
            </a:p>
          </p:txBody>
        </p:sp>
        <p:sp>
          <p:nvSpPr>
            <p:cNvPr id="10" name="Parallelogram 9"/>
            <p:cNvSpPr/>
            <p:nvPr/>
          </p:nvSpPr>
          <p:spPr>
            <a:xfrm rot="5400000">
              <a:off x="4368447" y="1335143"/>
              <a:ext cx="979857" cy="2588975"/>
            </a:xfrm>
            <a:prstGeom prst="parallelogram">
              <a:avLst>
                <a:gd name="adj" fmla="val 37692"/>
              </a:avLst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ko-KR" altLang="en-US">
                <a:solidFill>
                  <a:schemeClr val="tx1"/>
                </a:solidFill>
              </a:endParaRPr>
            </a:p>
          </p:txBody>
        </p:sp>
        <p:sp>
          <p:nvSpPr>
            <p:cNvPr id="11" name="Parallelogram 10"/>
            <p:cNvSpPr/>
            <p:nvPr/>
          </p:nvSpPr>
          <p:spPr>
            <a:xfrm rot="5400000">
              <a:off x="3705034" y="2397247"/>
              <a:ext cx="899112" cy="1754156"/>
            </a:xfrm>
            <a:prstGeom prst="parallelogram">
              <a:avLst>
                <a:gd name="adj" fmla="val 34438"/>
              </a:avLst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ko-KR" altLang="en-US">
                <a:solidFill>
                  <a:schemeClr val="tx1"/>
                </a:solidFill>
              </a:endParaRPr>
            </a:p>
          </p:txBody>
        </p:sp>
        <p:sp>
          <p:nvSpPr>
            <p:cNvPr id="13" name="Parallelogram 12"/>
            <p:cNvSpPr/>
            <p:nvPr/>
          </p:nvSpPr>
          <p:spPr>
            <a:xfrm rot="5400000">
              <a:off x="3680170" y="2775303"/>
              <a:ext cx="979857" cy="2588975"/>
            </a:xfrm>
            <a:prstGeom prst="parallelogram">
              <a:avLst>
                <a:gd name="adj" fmla="val 37692"/>
              </a:avLst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ko-KR" altLang="en-US">
                <a:solidFill>
                  <a:schemeClr val="tx1"/>
                </a:solidFill>
              </a:endParaRPr>
            </a:p>
          </p:txBody>
        </p:sp>
        <p:sp>
          <p:nvSpPr>
            <p:cNvPr id="14" name="Freeform 13"/>
            <p:cNvSpPr/>
            <p:nvPr/>
          </p:nvSpPr>
          <p:spPr>
            <a:xfrm>
              <a:off x="3562502" y="1828800"/>
              <a:ext cx="1199693" cy="460858"/>
            </a:xfrm>
            <a:custGeom>
              <a:avLst/>
              <a:gdLst>
                <a:gd name="connsiteX0" fmla="*/ 1089965 w 1199693"/>
                <a:gd name="connsiteY0" fmla="*/ 0 h 460858"/>
                <a:gd name="connsiteX1" fmla="*/ 0 w 1199693"/>
                <a:gd name="connsiteY1" fmla="*/ 307238 h 460858"/>
                <a:gd name="connsiteX2" fmla="*/ 1016813 w 1199693"/>
                <a:gd name="connsiteY2" fmla="*/ 460858 h 460858"/>
                <a:gd name="connsiteX3" fmla="*/ 1199693 w 1199693"/>
                <a:gd name="connsiteY3" fmla="*/ 117043 h 460858"/>
                <a:gd name="connsiteX4" fmla="*/ 1089965 w 1199693"/>
                <a:gd name="connsiteY4" fmla="*/ 0 h 46085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1199693" h="460858">
                  <a:moveTo>
                    <a:pt x="1089965" y="0"/>
                  </a:moveTo>
                  <a:lnTo>
                    <a:pt x="0" y="307238"/>
                  </a:lnTo>
                  <a:lnTo>
                    <a:pt x="1016813" y="460858"/>
                  </a:lnTo>
                  <a:lnTo>
                    <a:pt x="1199693" y="117043"/>
                  </a:lnTo>
                  <a:lnTo>
                    <a:pt x="1089965" y="0"/>
                  </a:lnTo>
                  <a:close/>
                </a:path>
              </a:pathLst>
            </a:custGeom>
            <a:solidFill>
              <a:schemeClr val="accent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ko-KR" altLang="en-US">
                <a:solidFill>
                  <a:schemeClr val="tx1"/>
                </a:solidFill>
              </a:endParaRPr>
            </a:p>
          </p:txBody>
        </p:sp>
      </p:grpSp>
      <p:sp>
        <p:nvSpPr>
          <p:cNvPr id="24" name="TextBox 23"/>
          <p:cNvSpPr txBox="1"/>
          <p:nvPr/>
        </p:nvSpPr>
        <p:spPr>
          <a:xfrm>
            <a:off x="1239481" y="1700778"/>
            <a:ext cx="2539484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ru-RU" altLang="ko-KR" sz="1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Н</a:t>
            </a:r>
            <a:r>
              <a:rPr lang="ru-RU" altLang="ko-KR" sz="12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аша страна продаёт </a:t>
            </a:r>
            <a:r>
              <a:rPr lang="ru-RU" altLang="ko-KR" sz="1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460 тыс. баррелей в </a:t>
            </a:r>
            <a:r>
              <a:rPr lang="ru-RU" altLang="ko-KR" sz="1200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сутки сырой нефти, только представьте сколько  можно получить из этого продукции</a:t>
            </a:r>
            <a:endParaRPr lang="ko-KR" altLang="en-US" sz="1200" b="1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6" name="TextBox 25"/>
          <p:cNvSpPr txBox="1"/>
          <p:nvPr/>
        </p:nvSpPr>
        <p:spPr>
          <a:xfrm>
            <a:off x="5329468" y="2892083"/>
            <a:ext cx="2539483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altLang="ko-KR" sz="1200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Это позволит насытить внутренний и внешний рынок качественным товаром за невысокую цену для конечного потребителя</a:t>
            </a:r>
            <a:endParaRPr lang="ko-KR" altLang="en-US" sz="1200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29" name="Text Placeholder 13"/>
          <p:cNvSpPr txBox="1">
            <a:spLocks/>
          </p:cNvSpPr>
          <p:nvPr/>
        </p:nvSpPr>
        <p:spPr>
          <a:xfrm rot="458666">
            <a:off x="3432990" y="3519947"/>
            <a:ext cx="1853006" cy="534558"/>
          </a:xfrm>
          <a:prstGeom prst="rect">
            <a:avLst/>
          </a:prstGeom>
        </p:spPr>
        <p:txBody>
          <a:bodyPr anchor="ctr"/>
          <a:lstStyle>
            <a:lvl1pPr marL="342900" indent="-3429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lnSpc>
                <a:spcPct val="110000"/>
              </a:lnSpc>
              <a:buNone/>
            </a:pPr>
            <a:r>
              <a:rPr lang="ru-RU" altLang="ko-KR" sz="2000" b="1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Развитие производств </a:t>
            </a:r>
            <a:endParaRPr lang="ko-KR" altLang="en-US" sz="2000" b="1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0" name="Text Placeholder 13"/>
          <p:cNvSpPr txBox="1">
            <a:spLocks/>
          </p:cNvSpPr>
          <p:nvPr/>
        </p:nvSpPr>
        <p:spPr>
          <a:xfrm rot="583725">
            <a:off x="3370733" y="2713347"/>
            <a:ext cx="1837115" cy="534558"/>
          </a:xfrm>
          <a:prstGeom prst="rect">
            <a:avLst/>
          </a:prstGeom>
        </p:spPr>
        <p:txBody>
          <a:bodyPr anchor="ctr"/>
          <a:lstStyle>
            <a:lvl1pPr marL="342900" indent="-3429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lnSpc>
                <a:spcPct val="110000"/>
              </a:lnSpc>
              <a:buNone/>
            </a:pPr>
            <a:r>
              <a:rPr lang="ru-RU" altLang="ko-KR" sz="2000" b="1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Кому поможем</a:t>
            </a:r>
            <a:endParaRPr lang="en-US" altLang="ko-KR" sz="2000" b="1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1" name="Text Placeholder 13"/>
          <p:cNvSpPr txBox="1">
            <a:spLocks/>
          </p:cNvSpPr>
          <p:nvPr/>
        </p:nvSpPr>
        <p:spPr>
          <a:xfrm rot="500431">
            <a:off x="4139900" y="2089951"/>
            <a:ext cx="1837115" cy="534558"/>
          </a:xfrm>
          <a:prstGeom prst="rect">
            <a:avLst/>
          </a:prstGeom>
        </p:spPr>
        <p:txBody>
          <a:bodyPr anchor="ctr"/>
          <a:lstStyle>
            <a:lvl1pPr marL="342900" indent="-3429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1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lnSpc>
                <a:spcPct val="110000"/>
              </a:lnSpc>
              <a:buNone/>
            </a:pPr>
            <a:r>
              <a:rPr lang="ru-RU" altLang="ko-KR" sz="2000" b="1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Актуальность идеи</a:t>
            </a:r>
            <a:endParaRPr lang="en-US" altLang="ko-KR" sz="2000" b="1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3" name="TextBox 32"/>
          <p:cNvSpPr txBox="1"/>
          <p:nvPr/>
        </p:nvSpPr>
        <p:spPr>
          <a:xfrm>
            <a:off x="550504" y="3202960"/>
            <a:ext cx="2539483" cy="138499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ru-RU" altLang="ko-KR" sz="1200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мея свои качественные производственные процессы, улучшаются и другие отраслевые производства  (Например машиностроение: У автомобиля лада – гранта все пластмассовые детали заграничные)</a:t>
            </a:r>
            <a:endParaRPr lang="ko-KR" altLang="en-US" sz="1200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678962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ru-RU" altLang="ko-KR" b="1" dirty="0" smtClean="0">
                <a:solidFill>
                  <a:schemeClr val="tx1">
                    <a:lumMod val="75000"/>
                    <a:lumOff val="25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Роботизированное решение</a:t>
            </a:r>
            <a:endParaRPr lang="en-US" altLang="ko-KR" b="1" dirty="0">
              <a:solidFill>
                <a:schemeClr val="tx1">
                  <a:lumMod val="75000"/>
                  <a:lumOff val="25000"/>
                </a:schemeClr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pPr lvl="0"/>
            <a:r>
              <a:rPr lang="ru-RU" altLang="ko-KR" dirty="0" smtClean="0">
                <a:latin typeface="Times New Roman" panose="02020603050405020304" pitchFamily="18" charset="0"/>
                <a:cs typeface="Times New Roman" panose="02020603050405020304" pitchFamily="18" charset="0"/>
              </a:rPr>
              <a:t>Я создал прототип модульного роботизированного производства нефтепродуктов</a:t>
            </a:r>
            <a:endParaRPr lang="en-US" altLang="ko-KR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12" name="TextBox 11"/>
          <p:cNvSpPr txBox="1"/>
          <p:nvPr/>
        </p:nvSpPr>
        <p:spPr>
          <a:xfrm>
            <a:off x="3563888" y="1435973"/>
            <a:ext cx="1944216" cy="34778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altLang="ko-KR" sz="10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1 Этап – Система безопасности и подсчёта вагонов (Роботизированное решение)</a:t>
            </a:r>
          </a:p>
          <a:p>
            <a:pPr algn="ctr"/>
            <a:r>
              <a:rPr lang="ru-RU" altLang="ko-KR" sz="10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 Этап – Взятие проб сырья</a:t>
            </a:r>
          </a:p>
          <a:p>
            <a:pPr algn="ctr"/>
            <a:r>
              <a:rPr lang="ru-RU" altLang="ko-KR" sz="10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Пробы и перекачка – делает автоматика. Качество сырья оценивают лаборанты)</a:t>
            </a:r>
          </a:p>
          <a:p>
            <a:pPr algn="ctr"/>
            <a:r>
              <a:rPr lang="ru-RU" altLang="ko-KR" sz="10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3 Этап – Перекачка сырья по качеству в подземные нефтехранилища (Роботизированное решение)</a:t>
            </a:r>
          </a:p>
          <a:p>
            <a:pPr algn="ctr"/>
            <a:r>
              <a:rPr lang="ru-RU" altLang="ko-KR" sz="10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4 Этап – Промывка цистерн</a:t>
            </a:r>
          </a:p>
          <a:p>
            <a:pPr algn="ctr"/>
            <a:r>
              <a:rPr lang="ru-RU" altLang="ko-KR" sz="1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</a:t>
            </a:r>
            <a:r>
              <a:rPr lang="ru-RU" altLang="ko-KR" sz="10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</a:t>
            </a:r>
          </a:p>
          <a:p>
            <a:pPr algn="ctr"/>
            <a:r>
              <a:rPr lang="ru-RU" altLang="ko-KR" sz="10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5 Этап –Заливка бензина в цистерны</a:t>
            </a:r>
          </a:p>
          <a:p>
            <a:pPr algn="ctr"/>
            <a:r>
              <a:rPr lang="ru-RU" altLang="ko-KR" sz="1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</a:t>
            </a:r>
            <a:r>
              <a:rPr lang="ru-RU" altLang="ko-KR" sz="10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</a:t>
            </a:r>
          </a:p>
          <a:p>
            <a:pPr algn="ctr"/>
            <a:r>
              <a:rPr lang="ru-RU" altLang="ko-KR" sz="10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6 Этап  - Погрузка товара со склада производства</a:t>
            </a:r>
          </a:p>
          <a:p>
            <a:pPr algn="ctr"/>
            <a:r>
              <a:rPr lang="ru-RU" altLang="ko-KR" sz="1000" dirty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Роботизированное решение</a:t>
            </a:r>
            <a:r>
              <a:rPr lang="ru-RU" altLang="ko-KR" sz="10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)</a:t>
            </a:r>
          </a:p>
          <a:p>
            <a:pPr algn="ctr"/>
            <a:r>
              <a:rPr lang="ru-RU" altLang="ko-KR" sz="1000" dirty="0" smtClean="0">
                <a:solidFill>
                  <a:schemeClr val="bg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роизводство это отдельный этап</a:t>
            </a:r>
          </a:p>
          <a:p>
            <a:pPr algn="ctr"/>
            <a:endParaRPr lang="en-US" altLang="ko-KR" sz="1000" dirty="0">
              <a:solidFill>
                <a:schemeClr val="bg1"/>
              </a:solidFill>
              <a:cs typeface="Arial" pitchFamily="34" charset="0"/>
            </a:endParaRPr>
          </a:p>
        </p:txBody>
      </p:sp>
      <p:pic>
        <p:nvPicPr>
          <p:cNvPr id="4" name="Рисунок 3"/>
          <p:cNvPicPr>
            <a:picLocks noGrp="1" noChangeAspect="1"/>
          </p:cNvPicPr>
          <p:nvPr>
            <p:ph type="pic" idx="14"/>
          </p:nvPr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975" b="4975"/>
          <a:stretch>
            <a:fillRect/>
          </a:stretch>
        </p:blipFill>
        <p:spPr/>
      </p:pic>
      <p:pic>
        <p:nvPicPr>
          <p:cNvPr id="6" name="Рисунок 5"/>
          <p:cNvPicPr>
            <a:picLocks noGrp="1" noChangeAspect="1"/>
          </p:cNvPicPr>
          <p:nvPr>
            <p:ph type="pic" idx="16"/>
          </p:nvPr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975" b="4975"/>
          <a:stretch>
            <a:fillRect/>
          </a:stretch>
        </p:blipFill>
        <p:spPr/>
      </p:pic>
      <p:pic>
        <p:nvPicPr>
          <p:cNvPr id="17" name="Рисунок 16"/>
          <p:cNvPicPr>
            <a:picLocks noGrp="1" noChangeAspect="1"/>
          </p:cNvPicPr>
          <p:nvPr>
            <p:ph type="pic" idx="15"/>
          </p:nvPr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739" r="18739"/>
          <a:stretch>
            <a:fillRect/>
          </a:stretch>
        </p:blipFill>
        <p:spPr/>
      </p:pic>
      <p:pic>
        <p:nvPicPr>
          <p:cNvPr id="18" name="Рисунок 17"/>
          <p:cNvPicPr>
            <a:picLocks noGrp="1" noChangeAspect="1"/>
          </p:cNvPicPr>
          <p:nvPr>
            <p:ph type="pic" idx="17"/>
          </p:nvPr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738" r="18738"/>
          <a:stretch>
            <a:fillRect/>
          </a:stretch>
        </p:blipFill>
        <p:spPr/>
      </p:pic>
      <p:pic>
        <p:nvPicPr>
          <p:cNvPr id="19" name="Рисунок 18"/>
          <p:cNvPicPr>
            <a:picLocks noGrp="1" noChangeAspect="1"/>
          </p:cNvPicPr>
          <p:nvPr>
            <p:ph type="pic" idx="19"/>
          </p:nvPr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017" b="5017"/>
          <a:stretch>
            <a:fillRect/>
          </a:stretch>
        </p:blipFill>
        <p:spPr/>
      </p:pic>
      <p:pic>
        <p:nvPicPr>
          <p:cNvPr id="20" name="Рисунок 19"/>
          <p:cNvPicPr>
            <a:picLocks noGrp="1" noChangeAspect="1"/>
          </p:cNvPicPr>
          <p:nvPr>
            <p:ph type="pic" idx="21"/>
          </p:nvPr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8704" r="18704"/>
          <a:stretch>
            <a:fillRect/>
          </a:stretch>
        </p:blipFill>
        <p:spPr/>
      </p:pic>
      <p:pic>
        <p:nvPicPr>
          <p:cNvPr id="10" name="Рисунок 9"/>
          <p:cNvPicPr>
            <a:picLocks noGrp="1" noChangeAspect="1"/>
          </p:cNvPicPr>
          <p:nvPr>
            <p:ph type="pic" idx="20"/>
          </p:nvPr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5025" b="5025"/>
          <a:stretch>
            <a:fillRect/>
          </a:stretch>
        </p:blipFill>
        <p:spPr/>
      </p:pic>
      <p:pic>
        <p:nvPicPr>
          <p:cNvPr id="8" name="Рисунок 7"/>
          <p:cNvPicPr>
            <a:picLocks noGrp="1" noChangeAspect="1"/>
          </p:cNvPicPr>
          <p:nvPr>
            <p:ph type="pic" idx="18"/>
          </p:nvPr>
        </p:nvPicPr>
        <p:blipFill>
          <a:blip r:embed="rId1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975" b="4975"/>
          <a:stretch>
            <a:fillRect/>
          </a:stretch>
        </p:blipFill>
        <p:spPr/>
      </p:pic>
    </p:spTree>
    <p:custDataLst>
      <p:tags r:id="rId1"/>
    </p:custDataLst>
    <p:extLst>
      <p:ext uri="{BB962C8B-B14F-4D97-AF65-F5344CB8AC3E}">
        <p14:creationId xmlns:p14="http://schemas.microsoft.com/office/powerpoint/2010/main" val="33915494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600" advTm="5000">
        <p14:conveyor dir="l"/>
      </p:transition>
    </mc:Choice>
    <mc:Fallback xmlns="">
      <p:transition spd="slow" advTm="500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TITLE" val="Rocket-Launched-PowerPoint-Template"/>
  <p:tag name="ISPRING_FIRST_PUBLISH" val="1"/>
  <p:tag name="ISPRING_UUID" val="{09195C2C-66E3-4ECE-A19A-0135DA870F8D}"/>
  <p:tag name="ISPRING_RESOURCE_FOLDER" val="C:\Users\МЭЦ\Desktop\Лагерь\Rocket-Launched-PowerPoint-Template\"/>
  <p:tag name="ISPRING_PRESENTATION_PATH" val="C:\Users\МЭЦ\Desktop\Лагерь\Rocket-Launched-PowerPoint-Template.pptx"/>
  <p:tag name="ISPRING_PROJECT_VERSION" val="9.3"/>
  <p:tag name="ISPRING_PROJECT_FOLDER_UPDATED" val="1"/>
  <p:tag name="ISPRING_SCREEN_RECS_UPDATED" val="C:\Users\МЭЦ\Desktop\Лагерь\Rocket-Launched-PowerPoint-Template\"/>
  <p:tag name="ISPRING-SUITE_ISPRING_PLAYERS_CUSTOMIZATION_2" val="{&quot;universal&quot;:{&quot;skinSettings&quot;:{&quot;borderRadius&quot;:16,&quot;colors&quot;:{&quot;asideBackground&quot;:{&quot;color&quot;:&quot;#353535&quot;,&quot;opacity&quot;:1,&quot;type&quot;:&quot;SOLID&quot;},&quot;asideElementBackgroundActive&quot;:{&quot;color&quot;:&quot;#606060&quot;,&quot;opacity&quot;:1,&quot;type&quot;:&quot;SOLID&quot;},&quot;asideElementBackgroundHover&quot;:{&quot;color&quot;:&quot;#4F4F4F&quot;,&quot;opacity&quot;:1,&quot;type&quot;:&quot;SOLID&quot;},&quot;asideElementText&quot;:{&quot;color&quot;:&quot;#D8D8D8&quot;,&quot;opacity&quot;:1,&quot;type&quot;:&quot;SOLID&quot;},&quot;asideElementTextActive&quot;:{&quot;color&quot;:&quot;#F4F4F4&quot;,&quot;opacity&quot;:1,&quot;type&quot;:&quot;SOLID&quot;},&quot;asideElementTextHover&quot;:{&quot;color&quot;:&quot;#D8D8D8&quot;,&quot;opacity&quot;:1,&quot;type&quot;:&quot;SOLID&quot;},&quot;asideLogoBackground&quot;:{&quot;color&quot;:&quot;#353535&quot;,&quot;opacity&quot;:1,&quot;type&quot;:&quot;SOLID&quot;},&quot;pageBackground&quot;:{&quot;color&quot;:&quot;#DCDEE0&quot;,&quot;opacity&quot;:1,&quot;type&quot;:&quot;SOLID&quot;},&quot;playerBackground&quot;:{&quot;color&quot;:&quot;#202024&quot;,&quot;opacity&quot;:1,&quot;type&quot;:&quot;SOLID&quot;},&quot;playerText&quot;:{&quot;color&quot;:&quot;#C9C9C9&quot;,&quot;opacity&quot;:1,&quot;type&quot;:&quot;SOLID&quot;},&quot;primaryButtonBackground&quot;:{&quot;degree&quot;:180,&quot;gradient&quot;:[{&quot;color&quot;:&quot;#EB4343&quot;,&quot;opacity&quot;:1},{&quot;color&quot;:&quot;#C32D2D&quot;,&quot;opacity&quot;:1}],&quot;type&quot;:&quot;GRADIENT&quot;},&quot;primaryButtonBackgroundHover&quot;:{&quot;degree&quot;:180,&quot;gradient&quot;:[{&quot;color&quot;:&quot;#F66868&quot;,&quot;opacity&quot;:1},{&quot;color&quot;:&quot;#EB4343&quot;,&quot;opacity&quot;:1}],&quot;type&quot;:&quot;GRADIENT&quot;},&quot;primaryButtonBorder&quot;:{&quot;color&quot;:&quot;#EB4343&quot;,&quot;opacity&quot;:0,&quot;type&quot;:&quot;SOLID&quot;},&quot;primaryButtonBorderHover&quot;:{&quot;color&quot;:&quot;#EB4343&quot;,&quot;opacity&quot;:0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degree&quot;:180,&quot;gradient&quot;:[{&quot;color&quot;:&quot;#3B3B41&quot;,&quot;opacity&quot;:1},{&quot;color&quot;:&quot;#202024&quot;,&quot;opacity&quot;:1}],&quot;type&quot;:&quot;GRADIENT&quot;},&quot;secondaryButtonBackgroundHover&quot;:{&quot;degree&quot;:180,&quot;gradient&quot;:[{&quot;color&quot;:&quot;#5C5C62&quot;,&quot;opacity&quot;:1},{&quot;color&quot;:&quot;#202024&quot;,&quot;opacity&quot;:1}],&quot;type&quot;:&quot;GRADIENT&quot;},&quot;secondaryButtonBorder&quot;:{&quot;color&quot;:&quot;#383838&quot;,&quot;opacity&quot;:0,&quot;type&quot;:&quot;SOLID&quot;},&quot;secondaryButtonBorderHover&quot;:{&quot;color&quot;:&quot;#5C5C62&quot;,&quot;opacity&quot;:0,&quot;type&quot;:&quot;SOLID&quot;},&quot;secondaryButtonText&quot;:{&quot;color&quot;:&quot;#DADADA&quot;,&quot;opacity&quot;:1,&quot;type&quot;:&quot;SOLID&quot;},&quot;secondaryButtonTextHover&quot;:{&quot;color&quot;:&quot;#DADADA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true,&quot;showNextButton&quot;:true,&quot;showOutline&quot;:false,&quot;showPlayPause&quot;:true,&quot;showPlaybackRateButton&quot;:true,&quot;showPrevButton&quot;:true,&quot;showRewind&quot;:true,&quot;showSlideNumbers&quot;:true,&quot;showSlideOnlyButton&quot;:tru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false},&quot;sidePanel&quot;:{&quot;showAtLeft&quot;:false,&quot;showLogo&quot;:false,&quot;showNotes&quot;:false,&quot;showOutline&quot;:true,&quot;showPresenterInfo&quot;:false,&quot;showPresenterVideo&quot;:true,&quot;visible&quot;:true},&quot;titlePanel&quot;:{&quot;buttons&quot;:[&quot;attachments&quot;,&quot;presenterInfo&quot;],&quot;buttonsAtLeft&quot;:true,&quot;courseTitleVisible&quot;:false,&quot;showLogo&quot;:false,&quot;visible&quot;:true},&quot;version&quot;:&quot;1.0&quot;},&quot;skinMessages&quot;:{&quot;PB_ACCESSIBLE_ARIA_LABEL_BACK_TO_BEGIN&quot;:&quot;Перейти к началу слайда&quot;,&quot;PB_ACCESSIBLE_ARIA_LABEL_BOTTOM_PANEL&quot;:&quot;Нижняя панель&quot;,&quot;PB_ACCESSIBLE_ARIA_LABEL_NAVIGATION_BUTTONS&quot;:&quot;Кнопки навигации&quot;,&quot;PB_ACCESSIBLE_ARIA_LABEL_SETTINGS&quot;:&quot;Настройки доступности&quot;,&quot;PB_ACCESSIBLE_ARIA_LABEL_SLIDE&quot;:&quot;Слайд&quot;,&quot;PB_ACCESSIBLE_ARIA_LABEL_TOP_PANEL&quot;:&quot;Верхняя панель&quot;,&quot;PB_ACCESSIBLE_AUDIO_NARRATION_LABEL&quot;:&quot;Аудиосопровождение&quot;,&quot;PB_ACCESSIBLE_NAVIGATION_NEXT_BUTTON&quot;:&quot;Далее&quot;,&quot;PB_ACCESSIBLE_NAVIGATION_PREV_BUTTON&quot;:&quot;Назад&quot;,&quot;PB_ACCESSIBLE_SKIN_ENABLE_ACCESSIBILITY_MODE&quot;:&quot;В режим для слабовидящих&quot;,&quot;PB_ACCESSIBLE_SKIN_ENABLE_NORMAL_MODE&quot;:&quot;В режим полного плеера&quot;,&quot;PB_ACCESSIBLE_SKIN_PRESENTER_PHOTO&quot;:&quot;Фотография докладчика&quot;,&quot;PB_ACCESSIBLE_SLIDE_N_OF_COUNT&quot;:&quot;Слайд %SLIDE_NUMBER% из %TOTAL_SLIDES%&quot;,&quot;PB_ACCESSIBLE_VIDEO_NARRATION_LABEL&quot;:&quot;Видеосопровождение&quot;,&quot;PB_ACCESSIBLE_WATERMARK_SKIN_CREATED_WITH&quot;:&quot;Создано с помощью демо-версии iSpring&quot;,&quot;PB_ATTACHMENT_DOCUMENT_SUBTITLE&quot;:&quot;Документ&quot;,&quot;PB_ATTACHMENT_FILE_SUBTITLE&quot;:&quot;Файл&quot;,&quot;PB_ATTACHMENT_IMAGE_SUBTITLE&quot;:&quot;Изображение&quot;,&quot;PB_ATTACHMENT_LINK_SUBTITLE&quot;:&quot;Ссылка&quot;,&quot;PB_ATTACHMENT_VIDEO_SUBTITLE&quot;:&quot;Видео&quot;,&quot;PB_BACK_TO_APP_BUTTON_LABEL&quot;:&quot;Назад&quot;,&quot;PB_CC_MENU_OFF&quot;:&quot;Выкл.&quot;,&quot;PB_CC_MENU_ON&quot;:&quot;Вкл.&quot;,&quot;PB_CC_MENU_TITLE&quot;:&quot;Заметки&quot;,&quot;PB_CONTROL_PANEL_EXIT_FULL_SCREEN&quot;:&quot;Выход из полноэкранного режима&quot;,&quot;PB_CONTROL_PANEL_FULL_SCREEN&quot;:&quot;На весь экран&quot;,&quot;PB_CONTROL_PANEL_NEXT&quot;:&quot;Далее&quot;,&quot;PB_CONTROL_PANEL_OUTLINE&quot;:&quot;Слайды&quot;,&quot;PB_CONTROL_PANEL_PREV&quot;:&quot;&quot;,&quot;PB_CONTROL_PANEL_REPLAY&quot;:&quot;Повторить&quot;,&quot;PB_CONTROL_PANEL_SLIDE_COUNTER&quot;:&quot;%SLIDE_NUMBER% из %TOTAL_SLIDES%&quot;,&quot;PB_CONTROL_PANEL_VOLUME_CONTROL&quot;:&quot;Громкость&quot;,&quot;PB_CURRENT_SLIDE_IS_NOT_COMPLETED&quot;:&quot;Чтобы продолжить, просмотрите слайд до конца.&quot;,&quot;PB_DOMAIN_RESTRICTION&quot;:&quot;Автор запретил просмотр презентации на этом домене.&quot;,&quot;PB_DRAWING_TOOLS_END_DRAWING&quot;:&quot;Завершить рисование&quot;,&quot;PB_DRAWING_TOOLS_ERASER&quot;:&quot;Ластик&quot;,&quot;PB_DRAWING_TOOLS_ERASE_ALL&quot;:&quot;Очистить все&quot;,&quot;PB_DRAWING_TOOLS_HIGHLIGHTER&quot;:&quot;Маркер&quot;,&quot;PB_DRAWING_TOOLS_PEN&quot;:&quot;Фломастер&quot;,&quot;PB_ENTER_PASSWORD&quot;:&quot;Введите пароль, чтобы посмотреть эту презентацию.&quot;,&quot;PB_INCORRECT_PASSWORD&quot;:&quot;Неверный пароль&quot;,&quot;PB_INTERACTION_SLIDE_WINDOW_TEXT&quot;:&quot;Чтобы перейти на другой слайд, нужно завершить интерактивность.&quot;,&quot;PB_MESSAGE_BOX_NO&quot;:&quot;Нет&quot;,&quot;PB_MESSAGE_BOX_OK&quot;:&quot;ОК&quot;,&quot;PB_MESSAGE_BOX_YES&quot;:&quot;Да&quot;,&quot;PB_NAVIGATION_IS_RESTRICTED&quot;:&quot;Слайды можно просматривать только по порядку.&quot;,&quot;PB_NAVIGATION_IS_SEQUENTIAL&quot;:&quot;Слайды можно просматривать только по порядку.&quot;,&quot;PB_PLAYBACK_RATE_MENU_CAPTION&quot;:&quot;Скорость&quot;,&quot;PB_PRECEDING_QUIZ_FAILED_WINDOW_TEXT&quot;:&quot;Вы не прошли тест на слайде %SLIDE_INDEX% и не можете перейти к следующим слайдам.&quot;,&quot;PB_PRECEDING_QUIZ_NOT_COMPLETED_WINDOW_TEXT&quot;:&quot;Для перехода на этот слайд нужно завершить тест на слайде %SLIDE_INDEX%.&quot;,&quot;PB_PRECEDING_QUIZ_NOT_PASSED_WINDOW_TEXT&quot;:&quot;Для перехода на этот слайд нужно успешно пройти тест на слайде %SLIDE_INDEX%.&quot;,&quot;PB_PRECEDING_SCENARIO_FAILED_WINDOW_TEXT&quot;:&quot;Вы не прошли диалоговый тренажер на слайде %SLIDE_INDEX% и не можете перейти к следующим слайдам.&quot;,&quot;PB_PRECEDING_SCENARIO_NOT_COMPLETED_WINDOW_TEXT&quot;:&quot;Для перехода на этот слайд нужно завершить диалоговый тренажер на слайде %SLIDE_INDEX%.&quot;,&quot;PB_PRECEDING_SCENARIO_NOT_PASSED_WINDOW_TEXT&quot;:&quot;Для перехода на этот слайд нужно успешно завершить диалоговый тренажер на слайде %SLIDE_INDEX%.&quot;,&quot;PB_PRESENTER_COLLAPSE_BIO&quot;:&quot;скрыть&quot;,&quot;PB_PRESENTER_EMAIL&quot;:&quot;Email&quot;,&quot;PB_PRESENTER_EXPAND_BIO&quot;:&quot;показать еще&quot;,&quot;PB_PRESENTER_NO_INFO&quot;:&quot;Нет информации о докладчике&quot;,&quot;PB_PRESENTER_WEBSITE&quot;:&quot;Сайт&quot;,&quot;PB_QUIZ_SLIDE_WINDOW_TEXT&quot;:&quot;Чтобы перейти на другой слайд, нужно завершить тест.&quot;,&quot;PB_RATE_MENU_CAPTION&quot;:&quot;Скорость&quot;,&quot;PB_RATE_MENU_DEFAULT_RATE&quot;:&quot;Обычная&quot;,&quot;PB_RESUME_PRESENTATION_WINDOW_TEXT&quot;:&quot;Продолжить просмотр с места, где вы остановились?&quot;,&quot;PB_SCENARIO_SLIDE_WINDOW_TEXT&quot;:&quot;Для перехода на этот слайд нужно завершить диалоговый тренажер.&quot;,&quot;PB_SEARCH_CANCEL&quot;:&quot;Отмена&quot;,&quot;PB_SEARCH_NO_RESULTS_LABEL&quot;:&quot;Ничего не нашлось.&quot;,&quot;PB_SEARCH_PANEL_DEFAULT_TEXT&quot;:&quot;Поиск…&quot;,&quot;PB_SEARCH_RESULTS_LABEL&quot;:&quot;Результаты поиска&quot;,&quot;PB_SEARCH_RESULT_IN_NOTES&quot;:&quot;в заметках&quot;,&quot;PB_SEARCH_RESULT_IN_TEXT_LABEL&quot;:&quot;на слайде&quot;,&quot;PB_SUBTITLES_MENU_CAPTION&quot;:&quot;Субтитры&quot;,&quot;PB_SUBTITLES_OFF&quot;:&quot;Выкл.&quot;,&quot;PB_TAB_NOTES_LABEL&quot;:&quot;Заметки&quot;,&quot;PB_TAB_OUTLINE_LABEL&quot;:&quot;Слайды&quot;,&quot;PB_TIME_RESTRICTION&quot;:&quot;В настоящее время просмотр этой презентации запрещен ее автором.&quot;,&quot;PB_TITLE_PANEL_ATTACHMENTS&quot;:&quot;Ресурсы&quot;,&quot;PB_TITLE_PANEL_MARKER_TOOLS&quot;:&quot;Рисование&quot;,&quot;PB_TITLE_PANEL_NOTES&quot;:&quot;Заметки&quot;,&quot;PB_TITLE_PANEL_OUTLINE&quot;:&quot;Оглавление&quot;,&quot;PB_TITLE_PANEL_PRESENTER_INFO&quot;:&quot;Докладчик&quot;,&quot;PB_TREE_CONTROL_LOADING&quot;:&quot;Загрузка…&quot;,&quot;PB_VIDEO_WINDOW_NO_VIDEO_LABEL&quot;:&quot;Нет видео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2,&quot;skinCompatibleVersion&quot;:0,&quot;publishSettings&quot;:{&quot;backgroundColor&quot;:&quot;#DCDEE0&quot;,&quot;playerDimensions&quot;:{&quot;height&quot;:144,&quot;width&quot;:296},&quot;playerModule&quot;:&quot;UniversalHtml&quot;,&quot;presentationContent&quot;:{&quot;metadata&quot;:{&quot;references&quot;:true,&quot;texts&quot;:[&quot;DT_REFERENCE_URL&quot;,&quot;DT_REFERENCE_TITLE&quot;,&quot;DT_PRESENTER_BIO&quot;,&quot;DT_PRESENTER_EMAIL&quot;,&quot;DT_PRESENTER_WEBSITE&quot;,&quot;DT_PRESENTER_PHONE&quot;,&quot;DT_PRESENTER_TITLE&quot;,&quot;DT_PRESENTER_NAME&quot;,&quot;DT_SLIDE_NOTES_HTML&quot;,&quot;DT_SLIDE_NOTES_TEXT&quot;,&quot;DT_SLIDE_TITLE&quot;,&quot;DT_SLIDE_NOTES_TEXT&quot;,&quot;DT_SLIDE_TEXT&quot;,&quot;DT_HYPERLINK_TOOLTIP&quot;]},&quot;resources&quot;:{&quot;attachments&quot;:true,&quot;fonts&quot;:[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Ресурсы&quot;,&quot;Ссылка&quot;,&quot;Изображение&quot;,&quot;Видео&quot;,&quot;Документ&quot;,&quot;Файл&quot;,&quot;Email&quot;,&quot;Сайт&quot;,&quot;показать еще&quot;,&quot;скрыть&quot;,&quot;Докладчик&quot;,&quot;Слайды&quot;,&quot;Поиск…&quot;,&quot;на слайде&quot;,&quot;Результаты поиска&quot;,&quot;Ничего не нашлось.&quot;,&quot;в заметках&quot;,&quot;Отмена&quot;,&quot;Далее&quot;,&quot;На весь экран&quot;,&quot;Выход из полноэкранного режима&quot;,&quot;0123456789.,x&quot;,&quot;Скорость&quot;,&quot;Обычная&quot;,&quot;Громкость&quot;,&quot;Повторить&quot;,&quot;%SLIDE_NUMBER% из %TOTAL_SLIDES%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Ресурсы&quot;,&quot;Ссылка&quot;,&quot;Изображение&quot;,&quot;Видео&quot;,&quot;Документ&quot;,&quot;Файл&quot;,&quot;Email&quot;,&quot;Сайт&quot;,&quot;показать еще&quot;,&quot;скрыть&quot;,&quot;Докладчик&quot;,&quot;Слайды&quot;,&quot;Поиск…&quot;,&quot;на слайде&quot;,&quot;Результаты поиска&quot;,&quot;Ничего не нашлось.&quot;,&quot;в заметках&quot;,&quot;Отмена&quot;,&quot;Далее&quot;,&quot;На весь экран&quot;,&quot;Выход из полноэкранного режима&quot;,&quot;0123456789.,x&quot;,&quot;Скорость&quot;,&quot;Обычная&quot;,&quot;Громкость&quot;,&quot;Повторить&quot;,&quot;%SLIDE_NUMBER% из %TOTAL_SLIDES%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Ресурсы&quot;,&quot;Ссылка&quot;,&quot;Изображение&quot;,&quot;Видео&quot;,&quot;Документ&quot;,&quot;Файл&quot;,&quot;Email&quot;,&quot;Сайт&quot;,&quot;показать еще&quot;,&quot;скрыть&quot;,&quot;Докладчик&quot;,&quot;Слайды&quot;,&quot;Поиск…&quot;,&quot;на слайде&quot;,&quot;Результаты поиска&quot;,&quot;Ничего не нашлось.&quot;,&quot;в заметках&quot;,&quot;Отмена&quot;,&quot;Далее&quot;,&quot;На весь экран&quot;,&quot;Выход из полноэкранного режима&quot;,&quot;0123456789.,x&quot;,&quot;Скорость&quot;,&quot;Обычная&quot;,&quot;Громкость&quot;,&quot;Повторить&quot;,&quot;%SLIDE_NUMBER% из %TOTAL_SLIDES%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Ресурсы&quot;,&quot;Ссылка&quot;,&quot;Изображение&quot;,&quot;Видео&quot;,&quot;Документ&quot;,&quot;Файл&quot;,&quot;Email&quot;,&quot;Сайт&quot;,&quot;показать еще&quot;,&quot;скрыть&quot;,&quot;Докладчик&quot;,&quot;Слайды&quot;,&quot;Поиск…&quot;,&quot;на слайде&quot;,&quot;Результаты поиска&quot;,&quot;Ничего не нашлось.&quot;,&quot;в заметках&quot;,&quot;Отмена&quot;,&quot;Далее&quot;,&quot;На весь экран&quot;,&quot;Выход из полноэкранного режима&quot;,&quot;0123456789.,x&quot;,&quot;Скорость&quot;,&quot;Обычная&quot;,&quot;Громкость&quot;,&quot;Повторить&quot;,&quot;%SLIDE_NUMBER% из %TOTAL_SLIDES%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Ресурсы&quot;,&quot;Ссылка&quot;,&quot;Изображение&quot;,&quot;Видео&quot;,&quot;Документ&quot;,&quot;Файл&quot;,&quot;Email&quot;,&quot;Сайт&quot;,&quot;показать еще&quot;,&quot;скрыть&quot;,&quot;Докладчик&quot;,&quot;Слайды&quot;,&quot;Поиск…&quot;,&quot;на слайде&quot;,&quot;Результаты поиска&quot;,&quot;Ничего не нашлось.&quot;,&quot;в заметках&quot;,&quot;Отмена&quot;,&quot;Далее&quot;,&quot;На весь экран&quot;,&quot;Выход из полноэкранного режима&quot;,&quot;0123456789.,x&quot;,&quot;Скорость&quot;,&quot;Обычная&quot;,&quot;Громкость&quot;,&quot;Повторить&quot;,&quot;%SLIDE_NUMBER% из %TOTAL_SLIDES%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REFERENCE_URL&quot;,&quot;DCT_REFERENCE_TITLE&quot;,&quot;DCT_PRESENTER_BIO&quot;,&quot;DCT_PRESENTER_EMAIL&quot;,&quot;DCT_PRESENTER_WEBSITE&quot;,&quot;DCT_PRESENTER_PHONE&quot;,&quot;DCT_PRESENTER_TITLE&quot;,&quot;DCT_PRESENTER_NAME&quot;,&quot;DCT_SLIDE_TITLE&quot;,&quot;DCT_SLIDE_NOTES_TEXT&quot;,&quot;DCT_SLIDE_TEXT&quot;,&quot;DCT_HYPERLINK_TOOLTIP&quot;],&quot;static&quot;:[&quot;Ресурсы&quot;,&quot;Ссылка&quot;,&quot;Изображение&quot;,&quot;Видео&quot;,&quot;Документ&quot;,&quot;Файл&quot;,&quot;Email&quot;,&quot;Сайт&quot;,&quot;показать еще&quot;,&quot;скрыть&quot;,&quot;Докладчик&quot;,&quot;Слайды&quot;,&quot;Поиск…&quot;,&quot;на слайде&quot;,&quot;Результаты поиска&quot;,&quot;Ничего не нашлось.&quot;,&quot;в заметках&quot;,&quot;Отмена&quot;,&quot;Далее&quot;,&quot;На весь экран&quot;,&quot;Выход из полноэкранного режима&quot;,&quot;0123456789.,x&quot;,&quot;Скорость&quot;,&quot;Обычная&quot;,&quot;Громкость&quot;,&quot;Повторить&quot;,&quot;%SLIDE_NUMBER% из %TOTAL_SLIDES%&quot;,&quot;Да&quot;,&quot;Нет&quot;,&quot;ОК&quot;,&quot;Продолжить просмотр с места, где вы остановились?&quot;,&quot;Чтобы продолжить, просмотрите слайд до конца.&quot;,&quot;Слайды можно просматривать только по порядку.&quot;,&quot;Чтобы перейти на другой слайд, нужно завершить тест.&quot;,&quot;Для перехода на этот слайд нужно успешно пройти тест на слайде %SLIDE_INDEX%.&quot;,&quot;Для перехода на этот слайд нужно завершить тест на слайде %SLIDE_INDEX%.&quot;,&quot;Вы не прошли тест на слайде %SLIDE_INDEX% и не можете перейти к следующим слайдам.&quot;,&quot;Чтобы перейти на другой слайд, нужно завершить интерактивность.&quot;,&quot;Для перехода на этот слайд нужно завершить диалоговый тренажер.&quot;,&quot;Для перехода на этот слайд нужно успешно завершить диалоговый тренажер на слайде %SLIDE_INDEX%.&quot;,&quot;Для перехода на этот слайд нужно завершить диалоговый тренажер на слайде %SLIDE_INDEX%.&quot;,&quot;Вы не прошли диалоговый тренажер на слайде %SLIDE_INDEX% и не можете перейти к следующим слайдам.&quot;,&quot;Введите пароль, чтобы посмотреть эту презентацию.&quot;,&quot;Неверный пароль&quot;,&quot;Автор запретил просмотр презентации на этом домене.&quot;,&quot;В настоящее время просмотр этой презентации запрещен ее автором.&quot;,&quot;Назад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{&quot;enlargeToFit&quot;:false,&quot;height&quot;:105,&quot;jpegQuality&quot;:100,&quot;keepAspectRatio&quot;:true,&quot;width&quot;:94},&quot;slideThumbnails&quot;:{&quot;enlargeToFit&quot;:false,&quot;height&quot;:59,&quot;jpegQuality&quot;:100,&quot;keepAspectRatio&quot;:true,&quot;width&quot;:78},&quot;videoNarrations&quot;:{&quot;height&quot;:1024,&quot;width&quot;:1366}}}},&quot;ceipData&quot;:{&quot;enableMiniSkinCustomization&quot;:true,&quot;playerLayout&quot;:&quot;builtin.trainingWithPresenterVideo&quot;,&quot;playerLayoutFooter&quot;:&quot;playAndPause,acceleration,notes,replay,fullscreen,volumeControl,slideNumber,goToPrev,goToNext&quot;,&quot;playerLayoutHeader&quot;:&quot;resources,presenterInfo,&quot;,&quot;playerLayoutHeaderButtonsPosition&quot;:&quot;left&quot;,&quot;playerLayoutOutline&quot;:&quot;enableSearch,showSlideNumber,enableMultilevel&quot;,&quot;playerLayoutProgress&quot;:&quot;enabledNavigation,showLabels&quot;,&quot;playerLayoutProgressMode&quot;:&quot;presentationTimeline&quot;,&quot;playerLayoutSidebar&quot;:&quot;presenterVideo,outline&quot;,&quot;playerLayoutSidebarPosition&quot;:&quot;right&quot;,&quot;playerMessages&quot;:&quot;builtin.ru&quot;,&quot;playerNavigationAutoStart&quot;:true,&quot;playerNavigationEnableKeyboardNavigation&quot;:true,&quot;playerNavigationMode&quot;:&quot;bySlides&quot;,&quot;playerNavigationOnRestart&quot;:&quot;prompt&quot;,&quot;playerNavigationSaveAnimationStates&quot;:true,&quot;playerNavigationType&quot;:&quot;free&quot;,&quot;playerTheme&quot;:&quot;builtin.trainingWithPresenterVideo&quot;,&quot;playerThemeBorderRadius&quot;:16,&quot;playerThemeColorScheme&quot;:&quot;builtin.darkRed&quot;,&quot;playerThemeFont&quot;:&quot;Arial&quot;}}}"/>
  <p:tag name="ISPRING-SUITE_ISPRING_CURRENT_PLAYER_ID" val="universal"/>
  <p:tag name="ISPRING_PRESENTATION_COURSE_TITLE" val="Rocket-Launched-PowerPoint-Template"/>
  <p:tag name="FLASHSPRING_ZOOM_TAG" val="74"/>
  <p:tag name="ISPRING_PRESENTATION_INFO_2" val="&lt;?xml version=&quot;1.0&quot; encoding=&quot;UTF-8&quot; standalone=&quot;no&quot; ?&gt;&#10;&lt;presentation2&gt;&#10;&#10;  &lt;slides&gt;&#10;    &lt;slide id=&quot;{261E4819-F675-4FA3-9947-A73B89EF09C1}&quot; pptId=&quot;256&quot;/&gt;&#10;    &lt;slide id=&quot;{47C385AA-CFED-4850-BF4D-F2AB2C91BC47}&quot; pptId=&quot;261&quot;/&gt;&#10;    &lt;slide id=&quot;{79DB373C-244B-45B0-A9B2-B04C0D51AD04}&quot; pptId=&quot;297&quot;/&gt;&#10;    &lt;slide id=&quot;{C39E2B75-08BF-42C8-B334-D25D50B39A60}&quot; pptId=&quot;298&quot;/&gt;&#10;    &lt;slide id=&quot;{DDC1FEE9-1EE6-4566-B585-8F8E65AB1D12}&quot; pptId=&quot;264&quot;/&gt;&#10;    &lt;slide id=&quot;{B8B60732-5562-4DA7-94F6-169479C57C22}&quot; pptId=&quot;278&quot;/&gt;&#10;    &lt;slide id=&quot;{36387DAF-73F2-4915-98BD-EEB88BC59D39}&quot; pptId=&quot;282&quot;/&gt;&#10;    &lt;slide id=&quot;{CD869D42-4D14-4F69-BDE6-F0CA72A11E32}&quot; pptId=&quot;280&quot;/&gt;&#10;    &lt;slide id=&quot;{A5030A72-E6BF-4310-A2A8-0BEE98BC37B6}&quot; pptId=&quot;281&quot;/&gt;&#10;    &lt;slide id=&quot;{0075D90F-BEF9-4E13-B690-DAE0DBCC35AC}&quot; pptId=&quot;266&quot;/&gt;&#10;    &lt;slide id=&quot;{1164A974-32A6-4DA6-8B7F-784DEE7A0C32}&quot; pptId=&quot;267&quot;/&gt;&#10;    &lt;slide id=&quot;{7236DEBA-F114-488F-8A89-CAEBC0B9B7A8}&quot; pptId=&quot;300&quot;/&gt;&#10;    &lt;slide id=&quot;{C1231FC8-62A3-4313-809E-B9A040BE4E07}&quot; pptId=&quot;283&quot;/&gt;&#10;  &lt;/slides&gt;&#10;&#10;  &lt;narration&gt;&#10;    &lt;audioTracks&gt;&#10;      &lt;audioTrack muted=&quot;false&quot; name=&quot;ec5dbaa3a57ab9e&quot; resource=&quot;4f5139cf&quot; slideId=&quot;{261E4819-F675-4FA3-9947-A73B89EF09C1}&quot; startTime=&quot;0&quot; volume=&quot;1&quot;&gt;&#10;        &lt;audio channels=&quot;1&quot; format=&quot;fltp&quot; sampleRate=&quot;44100&quot;/&gt;&#10;      &lt;/audioTrack&gt;&#10;    &lt;/audioTracks&gt;&#10;    &lt;videoTracks/&gt;&#10;  &lt;/narration&gt;&#10;&#10;&lt;/presentation2&gt;&#10;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1562B27-C9A2-4FF9-B8E2-69CFBCA9DC4B}:267"/>
  <p:tag name="GENSWF_ADVANCE_TIME" val="5.000"/>
  <p:tag name="ISPRING_CUSTOM_TIMING_USED" val="1"/>
  <p:tag name="ISPRING_SLIDE_ID_2" val="{1164A974-32A6-4DA6-8B7F-784DEE7A0C32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B608168-C14F-4039-AA5C-92D4AB20B1E1}:302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44915C7-40BD-4F0E-BF6D-9C818EDE57B2}:256"/>
  <p:tag name="ISPRING_CUSTOM_TIMING_USED" val="1"/>
  <p:tag name="GENSWF_ADVANCE_TIME" val="3.000"/>
  <p:tag name="ISPRING_SLIDE_INDENT_LEVEL" val="0"/>
  <p:tag name="ISPRING_SLIDE_ID_2" val="{261E4819-F675-4FA3-9947-A73B89EF09C1}"/>
  <p:tag name="ISPRING_SLIDE_HAS_SCREEN_REC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CDA0DC4-D698-4F2B-9620-1BB8028A4511}:281"/>
  <p:tag name="GENSWF_ADVANCE_TIME" val="5.000"/>
  <p:tag name="ISPRING_CUSTOM_TIMING_USED" val="1"/>
  <p:tag name="ISPRING_SLIDE_ID_2" val="{A5030A72-E6BF-4310-A2A8-0BEE98BC37B6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92C0A24-4876-47CA-A2D6-32F274B4E1E6}:280"/>
  <p:tag name="GENSWF_ADVANCE_TIME" val="5.000"/>
  <p:tag name="ISPRING_CUSTOM_TIMING_USED" val="1"/>
  <p:tag name="ISPRING_SLIDE_ID_2" val="{CD869D42-4D14-4F69-BDE6-F0CA72A11E32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6FF63BD-2FA5-4097-AA99-51A1B972C3E3}:261"/>
  <p:tag name="ISPRING_CUSTOM_TIMING_USED" val="1"/>
  <p:tag name="GENSWF_ADVANCE_TIME" val="3.000"/>
  <p:tag name="ISPRING_SLIDE_INDENT_LEVEL" val="0"/>
  <p:tag name="ISPRING_SLIDE_ID_2" val="{47C385AA-CFED-4850-BF4D-F2AB2C91BC47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50DF972-691C-4F4C-91C9-4A80DD246B42}:297"/>
  <p:tag name="GENSWF_ADVANCE_TIME" val="5.000"/>
  <p:tag name="ISPRING_CUSTOM_TIMING_USED" val="1"/>
  <p:tag name="ISPRING_SLIDE_ID_2" val="{79DB373C-244B-45B0-A9B2-B04C0D51AD04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0F46FA7-93F4-4621-931B-80326A257AB5}:298"/>
  <p:tag name="GENSWF_ADVANCE_TIME" val="5.000"/>
  <p:tag name="ISPRING_CUSTOM_TIMING_USED" val="1"/>
  <p:tag name="ISPRING_SLIDE_ID_2" val="{C39E2B75-08BF-42C8-B334-D25D50B39A60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F61A116-BD08-4FC4-8D5E-A98E78750811}:30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EAF4453-1E78-40C0-8C47-DD6358A5FA35}:266"/>
  <p:tag name="GENSWF_ADVANCE_TIME" val="5.000"/>
  <p:tag name="ISPRING_CUSTOM_TIMING_USED" val="1"/>
  <p:tag name="ISPRING_SLIDE_ID_2" val="{0075D90F-BEF9-4E13-B690-DAE0DBCC35AC}"/>
</p:tagLst>
</file>

<file path=ppt/theme/theme1.xml><?xml version="1.0" encoding="utf-8"?>
<a:theme xmlns:a="http://schemas.openxmlformats.org/drawingml/2006/main" name="Cover and End Slide Master">
  <a:themeElements>
    <a:clrScheme name="ALLPPT-COLOR-A17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FFCE29"/>
      </a:accent1>
      <a:accent2>
        <a:srgbClr val="F2BF27"/>
      </a:accent2>
      <a:accent3>
        <a:srgbClr val="ED1C24"/>
      </a:accent3>
      <a:accent4>
        <a:srgbClr val="FFCE29"/>
      </a:accent4>
      <a:accent5>
        <a:srgbClr val="F2BF27"/>
      </a:accent5>
      <a:accent6>
        <a:srgbClr val="ED1C24"/>
      </a:accent6>
      <a:hlink>
        <a:srgbClr val="3F3F3F"/>
      </a:hlink>
      <a:folHlink>
        <a:srgbClr val="3F3F3F"/>
      </a:folHlink>
    </a:clrScheme>
    <a:fontScheme name="Default Font">
      <a:majorFont>
        <a:latin typeface="Arial"/>
        <a:ea typeface="맑은 고딕"/>
        <a:cs typeface=""/>
      </a:majorFont>
      <a:minorFont>
        <a:latin typeface="Arial"/>
        <a:ea typeface="맑은 고딕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Contents Slide Master">
  <a:themeElements>
    <a:clrScheme name="ALLPPT-COLOR-A17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FFCE29"/>
      </a:accent1>
      <a:accent2>
        <a:srgbClr val="F2BF27"/>
      </a:accent2>
      <a:accent3>
        <a:srgbClr val="ED1C24"/>
      </a:accent3>
      <a:accent4>
        <a:srgbClr val="FFCE29"/>
      </a:accent4>
      <a:accent5>
        <a:srgbClr val="F2BF27"/>
      </a:accent5>
      <a:accent6>
        <a:srgbClr val="ED1C24"/>
      </a:accent6>
      <a:hlink>
        <a:srgbClr val="3F3F3F"/>
      </a:hlink>
      <a:folHlink>
        <a:srgbClr val="3F3F3F"/>
      </a:folHlink>
    </a:clrScheme>
    <a:fontScheme name="ALLPPT FONT">
      <a:majorFont>
        <a:latin typeface="Arial"/>
        <a:ea typeface="Arial Unicode MS"/>
        <a:cs typeface=""/>
      </a:majorFont>
      <a:minorFont>
        <a:latin typeface="Arial"/>
        <a:ea typeface="Arial Unicode MS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>
        <a:solidFill>
          <a:schemeClr val="tx1">
            <a:lumMod val="75000"/>
            <a:lumOff val="25000"/>
          </a:schemeClr>
        </a:solidFill>
        <a:ln>
          <a:noFill/>
        </a:ln>
      </a:spPr>
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<a:prstTxWarp prst="textNoShape">
          <a:avLst/>
        </a:prstTxWarp>
        <a:noAutofit/>
      </a:bodyPr>
      <a:lstStyle>
        <a:defPPr algn="ctr">
          <a:defRPr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</a:theme>
</file>

<file path=ppt/theme/theme3.xml><?xml version="1.0" encoding="utf-8"?>
<a:theme xmlns:a="http://schemas.openxmlformats.org/drawingml/2006/main" name="Section Break Slide Master">
  <a:themeElements>
    <a:clrScheme name="ALLPPT-COLOR-A17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FFCE29"/>
      </a:accent1>
      <a:accent2>
        <a:srgbClr val="F2BF27"/>
      </a:accent2>
      <a:accent3>
        <a:srgbClr val="ED1C24"/>
      </a:accent3>
      <a:accent4>
        <a:srgbClr val="FFCE29"/>
      </a:accent4>
      <a:accent5>
        <a:srgbClr val="F2BF27"/>
      </a:accent5>
      <a:accent6>
        <a:srgbClr val="ED1C24"/>
      </a:accent6>
      <a:hlink>
        <a:srgbClr val="3F3F3F"/>
      </a:hlink>
      <a:folHlink>
        <a:srgbClr val="3F3F3F"/>
      </a:folHlink>
    </a:clrScheme>
    <a:fontScheme name="ALLPPT FONT">
      <a:majorFont>
        <a:latin typeface="Arial"/>
        <a:ea typeface="Arial Unicode MS"/>
        <a:cs typeface=""/>
      </a:majorFont>
      <a:minorFont>
        <a:latin typeface="Arial"/>
        <a:ea typeface="Arial Unicode MS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4.xml><?xml version="1.0" encoding="utf-8"?>
<a:theme xmlns:a="http://schemas.openxmlformats.org/drawingml/2006/main" name="Office 테마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맑은 고딕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맑은 고딕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4904</TotalTime>
  <Words>601</Words>
  <Application>Microsoft Office PowerPoint</Application>
  <PresentationFormat>Экран (16:9)</PresentationFormat>
  <Paragraphs>107</Paragraphs>
  <Slides>12</Slides>
  <Notes>10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4</vt:i4>
      </vt:variant>
      <vt:variant>
        <vt:lpstr>Тема</vt:lpstr>
      </vt:variant>
      <vt:variant>
        <vt:i4>3</vt:i4>
      </vt:variant>
      <vt:variant>
        <vt:lpstr>Заголовки слайдов</vt:lpstr>
      </vt:variant>
      <vt:variant>
        <vt:i4>12</vt:i4>
      </vt:variant>
    </vt:vector>
  </HeadingPairs>
  <TitlesOfParts>
    <vt:vector size="19" baseType="lpstr">
      <vt:lpstr>맑은 고딕</vt:lpstr>
      <vt:lpstr>Arial</vt:lpstr>
      <vt:lpstr>Arial Unicode MS</vt:lpstr>
      <vt:lpstr>Times New Roman</vt:lpstr>
      <vt:lpstr>Cover and End Slide Master</vt:lpstr>
      <vt:lpstr>Contents Slide Master</vt:lpstr>
      <vt:lpstr>Section Break Slide Master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</vt:vector>
  </TitlesOfParts>
  <Company>Microsoft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Rocket-Launched-PowerPoint-Template</dc:title>
  <dc:creator>googleslidesppt.com;allppt.com</dc:creator>
  <cp:lastModifiedBy>МЭЦ</cp:lastModifiedBy>
  <cp:revision>186</cp:revision>
  <dcterms:created xsi:type="dcterms:W3CDTF">2016-12-05T23:26:54Z</dcterms:created>
  <dcterms:modified xsi:type="dcterms:W3CDTF">2024-05-31T16:13:57Z</dcterms:modified>
</cp:coreProperties>
</file>